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7_税政G\31年度\40_税財政データ集\03_R01年度完成版\"/>
    </mc:Choice>
  </mc:AlternateContent>
  <bookViews>
    <workbookView xWindow="210" yWindow="20" windowWidth="15810" windowHeight="3120" tabRatio="798"/>
  </bookViews>
  <sheets>
    <sheet name="H30年度決算額 " sheetId="84" r:id="rId1"/>
  </sheets>
  <definedNames>
    <definedName name="_xlnm.Print_Area" localSheetId="0">'H30年度決算額 '!$A$1:$AL$42</definedName>
  </definedNames>
  <calcPr calcId="152511"/>
</workbook>
</file>

<file path=xl/sharedStrings.xml><?xml version="1.0" encoding="utf-8"?>
<sst xmlns="http://schemas.openxmlformats.org/spreadsheetml/2006/main" count="136" uniqueCount="57">
  <si>
    <t>川崎市</t>
  </si>
  <si>
    <t>横須賀市</t>
  </si>
  <si>
    <t>平塚市</t>
  </si>
  <si>
    <t>小田原市</t>
  </si>
  <si>
    <t>逗子市</t>
  </si>
  <si>
    <t>相模原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市町村民税</t>
    <rPh sb="0" eb="5">
      <t>シチョウソンミンゼイ</t>
    </rPh>
    <phoneticPr fontId="2"/>
  </si>
  <si>
    <t>(単位：千円、％）</t>
    <rPh sb="1" eb="3">
      <t>タンイ</t>
    </rPh>
    <rPh sb="4" eb="6">
      <t>センエン</t>
    </rPh>
    <phoneticPr fontId="2"/>
  </si>
  <si>
    <t>固定資産税</t>
    <rPh sb="0" eb="2">
      <t>コテイ</t>
    </rPh>
    <rPh sb="2" eb="5">
      <t>シサンゼイ</t>
    </rPh>
    <phoneticPr fontId="2"/>
  </si>
  <si>
    <t>横浜市</t>
    <rPh sb="0" eb="3">
      <t>ヨコハマシ</t>
    </rPh>
    <phoneticPr fontId="2"/>
  </si>
  <si>
    <t>県計</t>
    <rPh sb="0" eb="1">
      <t>ケン</t>
    </rPh>
    <rPh sb="1" eb="2">
      <t>ケイ</t>
    </rPh>
    <phoneticPr fontId="2"/>
  </si>
  <si>
    <t>個人市町村民税</t>
    <rPh sb="0" eb="2">
      <t>コジン</t>
    </rPh>
    <rPh sb="2" eb="5">
      <t>シチョウソン</t>
    </rPh>
    <rPh sb="5" eb="6">
      <t>ミン</t>
    </rPh>
    <rPh sb="6" eb="7">
      <t>ジュウミンゼイ</t>
    </rPh>
    <phoneticPr fontId="2"/>
  </si>
  <si>
    <t>法人市町村民税</t>
    <rPh sb="0" eb="2">
      <t>ホウジン</t>
    </rPh>
    <rPh sb="2" eb="5">
      <t>シチョウソン</t>
    </rPh>
    <rPh sb="5" eb="7">
      <t>ジュウミンゼイ</t>
    </rPh>
    <phoneticPr fontId="2"/>
  </si>
  <si>
    <t>市町村税計</t>
    <rPh sb="0" eb="3">
      <t>シチョウソン</t>
    </rPh>
    <rPh sb="3" eb="4">
      <t>チホウゼイ</t>
    </rPh>
    <rPh sb="4" eb="5">
      <t>ケイ</t>
    </rPh>
    <phoneticPr fontId="2"/>
  </si>
  <si>
    <t>鎌倉市</t>
    <rPh sb="0" eb="3">
      <t>カマクラシ</t>
    </rPh>
    <phoneticPr fontId="2"/>
  </si>
  <si>
    <t>藤沢市</t>
    <rPh sb="0" eb="3">
      <t>フジサワシ</t>
    </rPh>
    <phoneticPr fontId="2"/>
  </si>
  <si>
    <t>区分</t>
    <rPh sb="0" eb="2">
      <t>クブン</t>
    </rPh>
    <phoneticPr fontId="2"/>
  </si>
  <si>
    <t>土　　　地</t>
    <rPh sb="0" eb="5">
      <t>トチ</t>
    </rPh>
    <phoneticPr fontId="2"/>
  </si>
  <si>
    <t>家　　　屋</t>
    <rPh sb="0" eb="5">
      <t>カオク</t>
    </rPh>
    <phoneticPr fontId="2"/>
  </si>
  <si>
    <t>茅ヶ崎市</t>
    <rPh sb="0" eb="4">
      <t>チガサキシ</t>
    </rPh>
    <phoneticPr fontId="2"/>
  </si>
  <si>
    <t>対前年度比</t>
    <rPh sb="0" eb="1">
      <t>タイ</t>
    </rPh>
    <rPh sb="1" eb="5">
      <t>ゼンネンドヒ</t>
    </rPh>
    <phoneticPr fontId="2"/>
  </si>
  <si>
    <t>償却資産</t>
    <rPh sb="0" eb="2">
      <t>ショウキャク</t>
    </rPh>
    <rPh sb="2" eb="4">
      <t>シサン</t>
    </rPh>
    <phoneticPr fontId="2"/>
  </si>
  <si>
    <t>軽自動車税</t>
    <rPh sb="0" eb="1">
      <t>ケイ</t>
    </rPh>
    <rPh sb="1" eb="4">
      <t>ジドウシャ</t>
    </rPh>
    <rPh sb="4" eb="5">
      <t>ゼイ</t>
    </rPh>
    <phoneticPr fontId="2"/>
  </si>
  <si>
    <t>市町村たばこ税</t>
    <rPh sb="0" eb="3">
      <t>シチョウソン</t>
    </rPh>
    <rPh sb="6" eb="7">
      <t>ゼイ</t>
    </rPh>
    <phoneticPr fontId="2"/>
  </si>
  <si>
    <t>都市計画税</t>
    <rPh sb="0" eb="2">
      <t>トシ</t>
    </rPh>
    <rPh sb="2" eb="4">
      <t>ケイカク</t>
    </rPh>
    <rPh sb="4" eb="5">
      <t>ゼイ</t>
    </rPh>
    <phoneticPr fontId="2"/>
  </si>
  <si>
    <t>特別土地保有税</t>
    <rPh sb="0" eb="2">
      <t>トクベツ</t>
    </rPh>
    <rPh sb="2" eb="4">
      <t>トチ</t>
    </rPh>
    <rPh sb="4" eb="7">
      <t>ホユウゼイ</t>
    </rPh>
    <phoneticPr fontId="2"/>
  </si>
  <si>
    <t>事業所税</t>
    <rPh sb="0" eb="3">
      <t>ジギョウショ</t>
    </rPh>
    <rPh sb="3" eb="4">
      <t>ゼイ</t>
    </rPh>
    <phoneticPr fontId="2"/>
  </si>
  <si>
    <t>入湯税</t>
    <rPh sb="0" eb="2">
      <t>ニュウトウ</t>
    </rPh>
    <rPh sb="2" eb="3">
      <t>ゼイ</t>
    </rPh>
    <phoneticPr fontId="2"/>
  </si>
  <si>
    <t>法定外普通税</t>
    <rPh sb="0" eb="2">
      <t>ホウテイ</t>
    </rPh>
    <rPh sb="2" eb="3">
      <t>ガイ</t>
    </rPh>
    <rPh sb="3" eb="5">
      <t>フツウ</t>
    </rPh>
    <rPh sb="5" eb="6">
      <t>ゼイ</t>
    </rPh>
    <phoneticPr fontId="2"/>
  </si>
  <si>
    <t>交付金</t>
    <rPh sb="0" eb="1">
      <t>コウ</t>
    </rPh>
    <rPh sb="1" eb="2">
      <t>ヅケ</t>
    </rPh>
    <rPh sb="2" eb="3">
      <t>キン</t>
    </rPh>
    <phoneticPr fontId="2"/>
  </si>
  <si>
    <t xml:space="preserve">   -</t>
  </si>
  <si>
    <t>１　平成30年度市町村税市町村別決算額</t>
    <rPh sb="2" eb="4">
      <t>ヘイセイ</t>
    </rPh>
    <rPh sb="6" eb="8">
      <t>ネンド</t>
    </rPh>
    <rPh sb="12" eb="15">
      <t>シチョウソン</t>
    </rPh>
    <rPh sb="15" eb="16">
      <t>ベツ</t>
    </rPh>
    <rPh sb="16" eb="18">
      <t>ケッサン</t>
    </rPh>
    <rPh sb="18" eb="19">
      <t>ガク</t>
    </rPh>
    <phoneticPr fontId="9"/>
  </si>
  <si>
    <t>▲0.0</t>
    <phoneticPr fontId="2"/>
  </si>
  <si>
    <t>平成30年度地方財政状況調査(06表)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41" formatCode="_ * #,##0_ ;_ * \-#,##0_ ;_ * &quot;-&quot;_ ;_ @_ "/>
    <numFmt numFmtId="176" formatCode="#,##0_ "/>
    <numFmt numFmtId="177" formatCode="_ * #,##0.0_ ;_ * \-#,##0.0_ ;_ * &quot;-&quot;?_ ;_ @_ "/>
    <numFmt numFmtId="178" formatCode="0.0;&quot;▲&quot;0.0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ゴシック"/>
      <family val="3"/>
      <charset val="128"/>
    </font>
    <font>
      <sz val="11"/>
      <name val="ＭＳ 明朝"/>
      <family val="1"/>
      <charset val="128"/>
    </font>
    <font>
      <sz val="10"/>
      <name val="ＭＳ Ｐ明朝"/>
      <family val="1"/>
      <charset val="128"/>
    </font>
    <font>
      <sz val="10"/>
      <name val="ＭＳ Ｐゴシック"/>
      <family val="3"/>
      <charset val="128"/>
    </font>
    <font>
      <sz val="14"/>
      <name val="ＭＳ Ｐゴシック"/>
      <family val="3"/>
      <charset val="128"/>
    </font>
    <font>
      <sz val="14"/>
      <name val="Terminal"/>
      <family val="3"/>
      <charset val="255"/>
    </font>
    <font>
      <sz val="12"/>
      <name val="Arial"/>
      <family val="2"/>
    </font>
    <font>
      <sz val="11"/>
      <name val="ＭＳ ゴシック"/>
      <family val="3"/>
      <charset val="128"/>
    </font>
    <font>
      <sz val="12"/>
      <name val="ＭＳ ゴシック"/>
      <family val="3"/>
      <charset val="128"/>
    </font>
    <font>
      <sz val="7.5"/>
      <name val="ＭＳ ゴシック"/>
      <family val="3"/>
      <charset val="128"/>
    </font>
    <font>
      <sz val="13"/>
      <name val="ＭＳ ゴシック"/>
      <family val="3"/>
      <charset val="128"/>
    </font>
    <font>
      <sz val="20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lightGray">
        <fgColor indexed="9"/>
        <bgColor theme="0"/>
      </patternFill>
    </fill>
  </fills>
  <borders count="26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double">
        <color indexed="64"/>
      </right>
      <top style="thin">
        <color indexed="64"/>
      </top>
      <bottom/>
      <diagonal/>
    </border>
    <border>
      <left/>
      <right style="double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double">
        <color indexed="64"/>
      </left>
      <right style="double">
        <color indexed="64"/>
      </right>
      <top/>
      <bottom/>
      <diagonal/>
    </border>
    <border>
      <left style="double">
        <color indexed="64"/>
      </left>
      <right style="thin">
        <color indexed="64"/>
      </right>
      <top/>
      <bottom/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thin">
        <color indexed="64"/>
      </top>
      <bottom/>
      <diagonal/>
    </border>
    <border>
      <left style="double">
        <color indexed="64"/>
      </left>
      <right/>
      <top style="thin">
        <color indexed="64"/>
      </top>
      <bottom/>
      <diagonal/>
    </border>
    <border>
      <left style="double">
        <color indexed="64"/>
      </left>
      <right/>
      <top/>
      <bottom/>
      <diagonal/>
    </border>
    <border>
      <left style="double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double">
        <color indexed="64"/>
      </left>
      <right style="thin">
        <color indexed="64"/>
      </right>
      <top style="hair">
        <color indexed="64"/>
      </top>
      <bottom/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8" fillId="0" borderId="0"/>
  </cellStyleXfs>
  <cellXfs count="78">
    <xf numFmtId="0" fontId="0" fillId="0" borderId="0" xfId="0"/>
    <xf numFmtId="0" fontId="3" fillId="2" borderId="0" xfId="0" applyFont="1" applyFill="1" applyAlignment="1">
      <alignment horizontal="center" vertical="center"/>
    </xf>
    <xf numFmtId="0" fontId="7" fillId="2" borderId="0" xfId="0" applyFont="1" applyFill="1"/>
    <xf numFmtId="0" fontId="0" fillId="2" borderId="0" xfId="0" applyFill="1"/>
    <xf numFmtId="0" fontId="6" fillId="2" borderId="0" xfId="2" applyNumberFormat="1" applyFont="1" applyFill="1" applyBorder="1" applyAlignment="1" applyProtection="1">
      <alignment horizontal="left"/>
      <protection locked="0"/>
    </xf>
    <xf numFmtId="0" fontId="4" fillId="2" borderId="0" xfId="0" applyFont="1" applyFill="1" applyAlignment="1">
      <alignment vertical="center"/>
    </xf>
    <xf numFmtId="38" fontId="4" fillId="2" borderId="0" xfId="1" applyFont="1" applyFill="1" applyAlignment="1">
      <alignment vertical="center"/>
    </xf>
    <xf numFmtId="0" fontId="5" fillId="2" borderId="0" xfId="0" applyFont="1" applyFill="1" applyBorder="1" applyAlignment="1">
      <alignment horizontal="centerContinuous"/>
    </xf>
    <xf numFmtId="0" fontId="5" fillId="2" borderId="0" xfId="0" applyFont="1" applyFill="1" applyBorder="1" applyAlignment="1">
      <alignment horizontal="center"/>
    </xf>
    <xf numFmtId="177" fontId="6" fillId="2" borderId="0" xfId="0" applyNumberFormat="1" applyFont="1" applyFill="1" applyBorder="1"/>
    <xf numFmtId="0" fontId="6" fillId="2" borderId="0" xfId="2" applyNumberFormat="1" applyFont="1" applyFill="1" applyBorder="1" applyAlignment="1" applyProtection="1">
      <alignment horizontal="left" vertical="center"/>
      <protection locked="0"/>
    </xf>
    <xf numFmtId="0" fontId="7" fillId="2" borderId="0" xfId="2" applyNumberFormat="1" applyFont="1" applyFill="1" applyBorder="1" applyAlignment="1" applyProtection="1">
      <alignment horizontal="left" vertical="center"/>
      <protection locked="0"/>
    </xf>
    <xf numFmtId="0" fontId="10" fillId="2" borderId="6" xfId="0" applyFont="1" applyFill="1" applyBorder="1" applyAlignment="1">
      <alignment vertical="center"/>
    </xf>
    <xf numFmtId="0" fontId="10" fillId="2" borderId="0" xfId="0" applyFont="1" applyFill="1" applyAlignment="1">
      <alignment vertical="center"/>
    </xf>
    <xf numFmtId="0" fontId="10" fillId="2" borderId="0" xfId="0" applyFont="1" applyFill="1" applyAlignment="1">
      <alignment horizontal="right"/>
    </xf>
    <xf numFmtId="0" fontId="10" fillId="2" borderId="0" xfId="0" applyFont="1" applyFill="1" applyAlignment="1">
      <alignment horizontal="right" vertical="center"/>
    </xf>
    <xf numFmtId="0" fontId="3" fillId="2" borderId="0" xfId="0" applyFont="1" applyFill="1"/>
    <xf numFmtId="0" fontId="10" fillId="2" borderId="0" xfId="0" applyFont="1" applyFill="1"/>
    <xf numFmtId="0" fontId="11" fillId="2" borderId="4" xfId="0" applyFont="1" applyFill="1" applyBorder="1" applyAlignment="1">
      <alignment vertical="center"/>
    </xf>
    <xf numFmtId="0" fontId="11" fillId="2" borderId="3" xfId="0" applyFont="1" applyFill="1" applyBorder="1" applyAlignment="1">
      <alignment vertical="center"/>
    </xf>
    <xf numFmtId="0" fontId="11" fillId="2" borderId="12" xfId="0" applyFont="1" applyFill="1" applyBorder="1" applyAlignment="1">
      <alignment vertical="center"/>
    </xf>
    <xf numFmtId="0" fontId="11" fillId="2" borderId="1" xfId="0" applyFont="1" applyFill="1" applyBorder="1" applyAlignment="1">
      <alignment vertical="center"/>
    </xf>
    <xf numFmtId="0" fontId="11" fillId="2" borderId="1" xfId="0" applyFont="1" applyFill="1" applyBorder="1" applyAlignment="1">
      <alignment horizontal="center" vertical="center"/>
    </xf>
    <xf numFmtId="0" fontId="11" fillId="2" borderId="2" xfId="0" applyFont="1" applyFill="1" applyBorder="1" applyAlignment="1">
      <alignment horizontal="center" vertical="center"/>
    </xf>
    <xf numFmtId="0" fontId="11" fillId="2" borderId="7" xfId="0" applyFont="1" applyFill="1" applyBorder="1" applyAlignment="1">
      <alignment vertical="center"/>
    </xf>
    <xf numFmtId="0" fontId="11" fillId="2" borderId="2" xfId="0" applyFont="1" applyFill="1" applyBorder="1" applyAlignment="1">
      <alignment vertical="center"/>
    </xf>
    <xf numFmtId="0" fontId="11" fillId="2" borderId="8" xfId="0" applyFont="1" applyFill="1" applyBorder="1" applyAlignment="1">
      <alignment vertical="center"/>
    </xf>
    <xf numFmtId="0" fontId="11" fillId="2" borderId="0" xfId="0" applyFont="1" applyFill="1" applyBorder="1" applyAlignment="1">
      <alignment horizontal="distributed" vertical="center"/>
    </xf>
    <xf numFmtId="0" fontId="11" fillId="2" borderId="13" xfId="0" applyFont="1" applyFill="1" applyBorder="1" applyAlignment="1">
      <alignment vertical="center"/>
    </xf>
    <xf numFmtId="41" fontId="3" fillId="2" borderId="0" xfId="0" applyNumberFormat="1" applyFont="1" applyFill="1"/>
    <xf numFmtId="41" fontId="13" fillId="2" borderId="16" xfId="0" applyNumberFormat="1" applyFont="1" applyFill="1" applyBorder="1" applyAlignment="1">
      <alignment vertical="center"/>
    </xf>
    <xf numFmtId="178" fontId="13" fillId="2" borderId="11" xfId="0" applyNumberFormat="1" applyFont="1" applyFill="1" applyBorder="1" applyAlignment="1">
      <alignment vertical="center"/>
    </xf>
    <xf numFmtId="41" fontId="13" fillId="2" borderId="11" xfId="0" applyNumberFormat="1" applyFont="1" applyFill="1" applyBorder="1" applyAlignment="1">
      <alignment vertical="center"/>
    </xf>
    <xf numFmtId="41" fontId="13" fillId="2" borderId="17" xfId="0" applyNumberFormat="1" applyFont="1" applyFill="1" applyBorder="1" applyAlignment="1">
      <alignment vertical="center"/>
    </xf>
    <xf numFmtId="178" fontId="13" fillId="2" borderId="10" xfId="0" applyNumberFormat="1" applyFont="1" applyFill="1" applyBorder="1" applyAlignment="1">
      <alignment vertical="center"/>
    </xf>
    <xf numFmtId="41" fontId="13" fillId="2" borderId="10" xfId="0" applyNumberFormat="1" applyFont="1" applyFill="1" applyBorder="1" applyAlignment="1">
      <alignment vertical="center"/>
    </xf>
    <xf numFmtId="0" fontId="14" fillId="2" borderId="0" xfId="2" applyNumberFormat="1" applyFont="1" applyFill="1" applyBorder="1" applyAlignment="1" applyProtection="1">
      <alignment horizontal="left" vertical="center"/>
      <protection locked="0"/>
    </xf>
    <xf numFmtId="0" fontId="11" fillId="2" borderId="8" xfId="0" applyFont="1" applyFill="1" applyBorder="1" applyAlignment="1">
      <alignment horizontal="center" vertical="center"/>
    </xf>
    <xf numFmtId="0" fontId="11" fillId="2" borderId="11" xfId="0" applyFont="1" applyFill="1" applyBorder="1" applyAlignment="1">
      <alignment horizontal="center" vertical="center"/>
    </xf>
    <xf numFmtId="0" fontId="11" fillId="3" borderId="1" xfId="0" applyFont="1" applyFill="1" applyBorder="1" applyAlignment="1">
      <alignment horizontal="distributed" vertical="center"/>
    </xf>
    <xf numFmtId="0" fontId="11" fillId="2" borderId="0" xfId="0" applyFont="1" applyFill="1" applyBorder="1" applyAlignment="1">
      <alignment vertical="center"/>
    </xf>
    <xf numFmtId="0" fontId="11" fillId="2" borderId="16" xfId="0" applyFont="1" applyFill="1" applyBorder="1" applyAlignment="1">
      <alignment horizontal="center" vertical="center"/>
    </xf>
    <xf numFmtId="0" fontId="12" fillId="2" borderId="14" xfId="0" applyFont="1" applyFill="1" applyBorder="1" applyAlignment="1">
      <alignment horizontal="center" vertical="center"/>
    </xf>
    <xf numFmtId="0" fontId="10" fillId="2" borderId="14" xfId="0" applyFont="1" applyFill="1" applyBorder="1" applyAlignment="1">
      <alignment horizontal="center" vertical="center"/>
    </xf>
    <xf numFmtId="177" fontId="11" fillId="2" borderId="0" xfId="0" applyNumberFormat="1" applyFont="1" applyFill="1" applyBorder="1" applyAlignment="1">
      <alignment vertical="center"/>
    </xf>
    <xf numFmtId="41" fontId="13" fillId="2" borderId="14" xfId="0" applyNumberFormat="1" applyFont="1" applyFill="1" applyBorder="1" applyAlignment="1">
      <alignment vertical="center"/>
    </xf>
    <xf numFmtId="178" fontId="13" fillId="2" borderId="14" xfId="0" applyNumberFormat="1" applyFont="1" applyFill="1" applyBorder="1" applyAlignment="1">
      <alignment vertical="center"/>
    </xf>
    <xf numFmtId="176" fontId="13" fillId="2" borderId="14" xfId="0" applyNumberFormat="1" applyFont="1" applyFill="1" applyBorder="1" applyAlignment="1">
      <alignment vertical="center"/>
    </xf>
    <xf numFmtId="176" fontId="13" fillId="2" borderId="11" xfId="0" applyNumberFormat="1" applyFont="1" applyFill="1" applyBorder="1" applyAlignment="1">
      <alignment vertical="center"/>
    </xf>
    <xf numFmtId="178" fontId="13" fillId="2" borderId="11" xfId="0" applyNumberFormat="1" applyFont="1" applyFill="1" applyBorder="1" applyAlignment="1">
      <alignment horizontal="right" vertical="center"/>
    </xf>
    <xf numFmtId="41" fontId="13" fillId="2" borderId="11" xfId="0" applyNumberFormat="1" applyFont="1" applyFill="1" applyBorder="1" applyAlignment="1">
      <alignment horizontal="right" vertical="center"/>
    </xf>
    <xf numFmtId="41" fontId="13" fillId="2" borderId="21" xfId="0" applyNumberFormat="1" applyFont="1" applyFill="1" applyBorder="1" applyAlignment="1">
      <alignment vertical="center"/>
    </xf>
    <xf numFmtId="0" fontId="11" fillId="2" borderId="3" xfId="0" applyFont="1" applyFill="1" applyBorder="1" applyAlignment="1">
      <alignment horizontal="distributed" vertical="center"/>
    </xf>
    <xf numFmtId="177" fontId="11" fillId="2" borderId="3" xfId="0" applyNumberFormat="1" applyFont="1" applyFill="1" applyBorder="1" applyAlignment="1">
      <alignment vertical="center"/>
    </xf>
    <xf numFmtId="177" fontId="11" fillId="2" borderId="12" xfId="0" applyNumberFormat="1" applyFont="1" applyFill="1" applyBorder="1" applyAlignment="1">
      <alignment vertical="center"/>
    </xf>
    <xf numFmtId="0" fontId="11" fillId="2" borderId="23" xfId="0" applyFont="1" applyFill="1" applyBorder="1" applyAlignment="1">
      <alignment vertical="center"/>
    </xf>
    <xf numFmtId="0" fontId="11" fillId="2" borderId="24" xfId="0" applyFont="1" applyFill="1" applyBorder="1" applyAlignment="1">
      <alignment horizontal="distributed" vertical="center"/>
    </xf>
    <xf numFmtId="177" fontId="11" fillId="2" borderId="24" xfId="0" applyNumberFormat="1" applyFont="1" applyFill="1" applyBorder="1" applyAlignment="1">
      <alignment vertical="center"/>
    </xf>
    <xf numFmtId="41" fontId="13" fillId="2" borderId="25" xfId="0" applyNumberFormat="1" applyFont="1" applyFill="1" applyBorder="1" applyAlignment="1">
      <alignment vertical="center"/>
    </xf>
    <xf numFmtId="178" fontId="13" fillId="2" borderId="22" xfId="0" applyNumberFormat="1" applyFont="1" applyFill="1" applyBorder="1" applyAlignment="1">
      <alignment vertical="center"/>
    </xf>
    <xf numFmtId="41" fontId="13" fillId="2" borderId="22" xfId="0" applyNumberFormat="1" applyFont="1" applyFill="1" applyBorder="1" applyAlignment="1">
      <alignment vertical="center"/>
    </xf>
    <xf numFmtId="0" fontId="11" fillId="3" borderId="7" xfId="0" applyFont="1" applyFill="1" applyBorder="1" applyAlignment="1">
      <alignment vertical="center"/>
    </xf>
    <xf numFmtId="177" fontId="11" fillId="3" borderId="1" xfId="0" applyNumberFormat="1" applyFont="1" applyFill="1" applyBorder="1" applyAlignment="1">
      <alignment vertical="center"/>
    </xf>
    <xf numFmtId="49" fontId="13" fillId="2" borderId="22" xfId="0" applyNumberFormat="1" applyFont="1" applyFill="1" applyBorder="1" applyAlignment="1">
      <alignment horizontal="right" vertical="center"/>
    </xf>
    <xf numFmtId="49" fontId="13" fillId="2" borderId="11" xfId="0" applyNumberFormat="1" applyFont="1" applyFill="1" applyBorder="1" applyAlignment="1">
      <alignment horizontal="right" vertical="center"/>
    </xf>
    <xf numFmtId="0" fontId="10" fillId="0" borderId="0" xfId="0" applyFont="1" applyFill="1" applyBorder="1" applyAlignment="1">
      <alignment vertical="center"/>
    </xf>
    <xf numFmtId="0" fontId="11" fillId="2" borderId="18" xfId="0" applyFont="1" applyFill="1" applyBorder="1" applyAlignment="1">
      <alignment horizontal="center" vertical="center"/>
    </xf>
    <xf numFmtId="0" fontId="11" fillId="2" borderId="19" xfId="0" applyFont="1" applyFill="1" applyBorder="1" applyAlignment="1">
      <alignment horizontal="center" vertical="center"/>
    </xf>
    <xf numFmtId="0" fontId="11" fillId="2" borderId="15" xfId="0" applyFont="1" applyFill="1" applyBorder="1" applyAlignment="1">
      <alignment horizontal="center" vertical="center"/>
    </xf>
    <xf numFmtId="0" fontId="11" fillId="2" borderId="20" xfId="0" applyFont="1" applyFill="1" applyBorder="1" applyAlignment="1">
      <alignment horizontal="center" vertical="center"/>
    </xf>
    <xf numFmtId="0" fontId="11" fillId="2" borderId="4" xfId="0" applyFont="1" applyFill="1" applyBorder="1" applyAlignment="1">
      <alignment horizontal="center" vertical="center"/>
    </xf>
    <xf numFmtId="0" fontId="11" fillId="2" borderId="5" xfId="0" applyFont="1" applyFill="1" applyBorder="1" applyAlignment="1">
      <alignment horizontal="center" vertical="center"/>
    </xf>
    <xf numFmtId="0" fontId="11" fillId="2" borderId="8" xfId="0" applyFont="1" applyFill="1" applyBorder="1" applyAlignment="1">
      <alignment horizontal="center" vertical="center"/>
    </xf>
    <xf numFmtId="0" fontId="11" fillId="2" borderId="9" xfId="0" applyFont="1" applyFill="1" applyBorder="1" applyAlignment="1">
      <alignment horizontal="center" vertical="center"/>
    </xf>
    <xf numFmtId="0" fontId="11" fillId="2" borderId="14" xfId="0" applyFont="1" applyFill="1" applyBorder="1" applyAlignment="1">
      <alignment horizontal="center" vertical="center"/>
    </xf>
    <xf numFmtId="0" fontId="11" fillId="2" borderId="10" xfId="0" applyFont="1" applyFill="1" applyBorder="1" applyAlignment="1">
      <alignment horizontal="center" vertical="center"/>
    </xf>
    <xf numFmtId="0" fontId="11" fillId="2" borderId="14" xfId="0" applyFont="1" applyFill="1" applyBorder="1" applyAlignment="1">
      <alignment horizontal="center" vertical="center" wrapText="1"/>
    </xf>
    <xf numFmtId="0" fontId="11" fillId="2" borderId="11" xfId="0" applyFont="1" applyFill="1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_Sheet16" xfId="2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  <mruColors>
      <color rgb="FFFF9933"/>
      <color rgb="FFFFD521"/>
      <color rgb="FFFFCC00"/>
      <color rgb="FF00FF00"/>
      <color rgb="FFFF99FF"/>
      <color rgb="FF00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M89"/>
  <sheetViews>
    <sheetView tabSelected="1" zoomScale="70" zoomScaleNormal="70" workbookViewId="0"/>
  </sheetViews>
  <sheetFormatPr defaultColWidth="9" defaultRowHeight="13" x14ac:dyDescent="0.2"/>
  <cols>
    <col min="1" max="1" width="1.7265625" style="3" customWidth="1"/>
    <col min="2" max="2" width="11.90625" style="3" customWidth="1"/>
    <col min="3" max="3" width="1.26953125" style="3" customWidth="1"/>
    <col min="4" max="4" width="17" style="3" customWidth="1"/>
    <col min="5" max="5" width="9.08984375" style="3" customWidth="1"/>
    <col min="6" max="6" width="18.453125" style="3" customWidth="1"/>
    <col min="7" max="7" width="9.08984375" style="3" customWidth="1"/>
    <col min="8" max="8" width="19.08984375" style="3" customWidth="1"/>
    <col min="9" max="9" width="9.08984375" style="3" customWidth="1"/>
    <col min="10" max="10" width="17.90625" style="3" customWidth="1"/>
    <col min="11" max="11" width="7.453125" style="3" customWidth="1"/>
    <col min="12" max="12" width="18.36328125" style="3" customWidth="1"/>
    <col min="13" max="13" width="7.453125" style="3" customWidth="1"/>
    <col min="14" max="14" width="17.7265625" style="3" customWidth="1"/>
    <col min="15" max="15" width="7.453125" style="3" customWidth="1"/>
    <col min="16" max="16" width="18" style="3" customWidth="1"/>
    <col min="17" max="17" width="7.453125" style="3" customWidth="1"/>
    <col min="18" max="18" width="18.90625" style="3" customWidth="1"/>
    <col min="19" max="19" width="8.7265625" style="3" customWidth="1"/>
    <col min="20" max="20" width="1.7265625" style="3" customWidth="1"/>
    <col min="21" max="21" width="11.90625" style="3" customWidth="1"/>
    <col min="22" max="22" width="1.26953125" style="3" customWidth="1"/>
    <col min="23" max="23" width="18.6328125" style="3" customWidth="1"/>
    <col min="24" max="24" width="9.453125" style="3" customWidth="1"/>
    <col min="25" max="25" width="17.26953125" style="3" customWidth="1"/>
    <col min="26" max="26" width="9.453125" style="3" customWidth="1"/>
    <col min="27" max="27" width="16.6328125" style="3" customWidth="1"/>
    <col min="28" max="28" width="7.6328125" style="3" customWidth="1"/>
    <col min="29" max="29" width="16.7265625" style="3" customWidth="1"/>
    <col min="30" max="30" width="7.6328125" style="3" customWidth="1"/>
    <col min="31" max="31" width="15.08984375" style="3" customWidth="1"/>
    <col min="32" max="32" width="9.26953125" style="3" bestFit="1" customWidth="1"/>
    <col min="33" max="33" width="16.08984375" style="3" customWidth="1"/>
    <col min="34" max="34" width="9.6328125" style="3" customWidth="1"/>
    <col min="35" max="35" width="11.7265625" style="3" customWidth="1"/>
    <col min="36" max="36" width="9.36328125" style="3" bestFit="1" customWidth="1"/>
    <col min="37" max="37" width="20.36328125" style="3" customWidth="1"/>
    <col min="38" max="38" width="11.6328125" style="3" customWidth="1"/>
    <col min="39" max="39" width="18.7265625" style="3" customWidth="1"/>
    <col min="40" max="16384" width="9" style="3"/>
  </cols>
  <sheetData>
    <row r="1" spans="1:39" ht="16.5" x14ac:dyDescent="0.25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  <c r="AI1" s="1"/>
      <c r="AJ1" s="1"/>
      <c r="AK1" s="1"/>
      <c r="AL1" s="1"/>
      <c r="AM1" s="2"/>
    </row>
    <row r="2" spans="1:39" ht="23.5" x14ac:dyDescent="0.25">
      <c r="A2" s="10"/>
      <c r="B2" s="36" t="s">
        <v>54</v>
      </c>
      <c r="C2" s="1"/>
      <c r="D2" s="1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0"/>
      <c r="U2" s="36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  <c r="AK2" s="1"/>
      <c r="AL2" s="1"/>
      <c r="AM2" s="2"/>
    </row>
    <row r="3" spans="1:39" ht="16.5" x14ac:dyDescent="0.25">
      <c r="A3" s="1"/>
      <c r="B3" s="4"/>
      <c r="C3" s="1"/>
      <c r="D3" s="1"/>
      <c r="E3" s="1"/>
      <c r="F3" s="1"/>
      <c r="G3" s="1"/>
      <c r="H3" s="1"/>
      <c r="I3" s="1"/>
      <c r="J3" s="1"/>
      <c r="K3" s="1"/>
      <c r="L3" s="1"/>
      <c r="M3" s="1"/>
      <c r="N3" s="1"/>
      <c r="O3" s="1"/>
      <c r="P3" s="1"/>
      <c r="Q3" s="1"/>
      <c r="R3" s="1"/>
      <c r="S3" s="1"/>
      <c r="T3" s="1"/>
      <c r="U3" s="4"/>
      <c r="V3" s="1"/>
      <c r="W3" s="1"/>
      <c r="X3" s="1"/>
      <c r="Y3" s="1"/>
      <c r="Z3" s="1"/>
      <c r="AA3" s="1"/>
      <c r="AB3" s="1"/>
      <c r="AC3" s="1"/>
      <c r="AD3" s="1"/>
      <c r="AE3" s="1"/>
      <c r="AF3" s="1"/>
      <c r="AG3" s="1"/>
      <c r="AH3" s="1"/>
      <c r="AI3" s="1"/>
      <c r="AJ3" s="1"/>
      <c r="AK3" s="1"/>
      <c r="AL3" s="1"/>
      <c r="AM3" s="2"/>
    </row>
    <row r="4" spans="1:39" s="17" customFormat="1" ht="24" customHeight="1" x14ac:dyDescent="0.25">
      <c r="A4" s="12"/>
      <c r="B4" s="12"/>
      <c r="C4" s="12"/>
      <c r="D4" s="13"/>
      <c r="E4" s="13"/>
      <c r="F4" s="13"/>
      <c r="G4" s="13"/>
      <c r="H4" s="13"/>
      <c r="I4" s="13"/>
      <c r="J4" s="13"/>
      <c r="K4" s="14"/>
      <c r="L4" s="13"/>
      <c r="M4" s="13"/>
      <c r="N4" s="13"/>
      <c r="O4" s="13"/>
      <c r="P4" s="13"/>
      <c r="Q4" s="13"/>
      <c r="R4" s="13"/>
      <c r="S4" s="14" t="s">
        <v>30</v>
      </c>
      <c r="T4" s="12"/>
      <c r="U4" s="12"/>
      <c r="V4" s="12"/>
      <c r="W4" s="13"/>
      <c r="X4" s="13"/>
      <c r="Y4" s="13"/>
      <c r="Z4" s="13"/>
      <c r="AA4" s="13"/>
      <c r="AB4" s="13"/>
      <c r="AC4" s="13"/>
      <c r="AD4" s="14"/>
      <c r="AE4" s="13"/>
      <c r="AF4" s="13"/>
      <c r="AG4" s="13"/>
      <c r="AH4" s="13"/>
      <c r="AI4" s="13"/>
      <c r="AJ4" s="15"/>
      <c r="AK4" s="15"/>
      <c r="AL4" s="14" t="s">
        <v>30</v>
      </c>
      <c r="AM4" s="16"/>
    </row>
    <row r="5" spans="1:39" s="17" customFormat="1" ht="20.149999999999999" customHeight="1" x14ac:dyDescent="0.25">
      <c r="A5" s="18"/>
      <c r="B5" s="19"/>
      <c r="C5" s="20"/>
      <c r="D5" s="66" t="s">
        <v>29</v>
      </c>
      <c r="E5" s="67"/>
      <c r="F5" s="21"/>
      <c r="G5" s="21"/>
      <c r="H5" s="22"/>
      <c r="I5" s="23"/>
      <c r="J5" s="76" t="s">
        <v>31</v>
      </c>
      <c r="K5" s="74"/>
      <c r="L5" s="24"/>
      <c r="M5" s="21"/>
      <c r="N5" s="19"/>
      <c r="O5" s="19"/>
      <c r="P5" s="19"/>
      <c r="Q5" s="19"/>
      <c r="R5" s="21"/>
      <c r="S5" s="25"/>
      <c r="T5" s="18"/>
      <c r="U5" s="19"/>
      <c r="V5" s="20"/>
      <c r="W5" s="74" t="s">
        <v>47</v>
      </c>
      <c r="X5" s="74"/>
      <c r="Y5" s="70" t="s">
        <v>46</v>
      </c>
      <c r="Z5" s="71"/>
      <c r="AA5" s="70" t="s">
        <v>49</v>
      </c>
      <c r="AB5" s="71"/>
      <c r="AC5" s="70" t="s">
        <v>45</v>
      </c>
      <c r="AD5" s="71"/>
      <c r="AE5" s="70" t="s">
        <v>50</v>
      </c>
      <c r="AF5" s="71"/>
      <c r="AG5" s="70" t="s">
        <v>48</v>
      </c>
      <c r="AH5" s="71"/>
      <c r="AI5" s="70" t="s">
        <v>51</v>
      </c>
      <c r="AJ5" s="71"/>
      <c r="AK5" s="70" t="s">
        <v>36</v>
      </c>
      <c r="AL5" s="71"/>
      <c r="AM5" s="16"/>
    </row>
    <row r="6" spans="1:39" s="17" customFormat="1" ht="20.149999999999999" customHeight="1" x14ac:dyDescent="0.25">
      <c r="A6" s="26"/>
      <c r="B6" s="27" t="s">
        <v>39</v>
      </c>
      <c r="C6" s="28"/>
      <c r="D6" s="68"/>
      <c r="E6" s="69"/>
      <c r="F6" s="70" t="s">
        <v>34</v>
      </c>
      <c r="G6" s="71"/>
      <c r="H6" s="70" t="s">
        <v>35</v>
      </c>
      <c r="I6" s="71"/>
      <c r="J6" s="77"/>
      <c r="K6" s="77"/>
      <c r="L6" s="74" t="s">
        <v>40</v>
      </c>
      <c r="M6" s="74"/>
      <c r="N6" s="70" t="s">
        <v>41</v>
      </c>
      <c r="O6" s="71"/>
      <c r="P6" s="74" t="s">
        <v>44</v>
      </c>
      <c r="Q6" s="75"/>
      <c r="R6" s="74" t="s">
        <v>52</v>
      </c>
      <c r="S6" s="75"/>
      <c r="T6" s="26"/>
      <c r="U6" s="27" t="s">
        <v>39</v>
      </c>
      <c r="V6" s="28"/>
      <c r="W6" s="77"/>
      <c r="X6" s="77"/>
      <c r="Y6" s="72"/>
      <c r="Z6" s="73"/>
      <c r="AA6" s="72"/>
      <c r="AB6" s="73"/>
      <c r="AC6" s="72"/>
      <c r="AD6" s="73"/>
      <c r="AE6" s="72"/>
      <c r="AF6" s="73"/>
      <c r="AG6" s="72"/>
      <c r="AH6" s="73"/>
      <c r="AI6" s="72"/>
      <c r="AJ6" s="73"/>
      <c r="AK6" s="72"/>
      <c r="AL6" s="73"/>
      <c r="AM6" s="16"/>
    </row>
    <row r="7" spans="1:39" s="17" customFormat="1" ht="20.149999999999999" customHeight="1" x14ac:dyDescent="0.25">
      <c r="A7" s="26"/>
      <c r="B7" s="40"/>
      <c r="C7" s="28"/>
      <c r="D7" s="41"/>
      <c r="E7" s="42" t="s">
        <v>43</v>
      </c>
      <c r="F7" s="37"/>
      <c r="G7" s="42" t="s">
        <v>43</v>
      </c>
      <c r="H7" s="37"/>
      <c r="I7" s="42" t="s">
        <v>43</v>
      </c>
      <c r="J7" s="37"/>
      <c r="K7" s="42" t="s">
        <v>43</v>
      </c>
      <c r="L7" s="37"/>
      <c r="M7" s="42" t="s">
        <v>43</v>
      </c>
      <c r="N7" s="37"/>
      <c r="O7" s="42" t="s">
        <v>43</v>
      </c>
      <c r="P7" s="38"/>
      <c r="Q7" s="42" t="s">
        <v>43</v>
      </c>
      <c r="R7" s="38"/>
      <c r="S7" s="42" t="s">
        <v>43</v>
      </c>
      <c r="T7" s="26"/>
      <c r="U7" s="40"/>
      <c r="V7" s="28"/>
      <c r="W7" s="37"/>
      <c r="X7" s="42" t="s">
        <v>43</v>
      </c>
      <c r="Y7" s="37"/>
      <c r="Z7" s="42" t="s">
        <v>43</v>
      </c>
      <c r="AA7" s="37"/>
      <c r="AB7" s="42" t="s">
        <v>43</v>
      </c>
      <c r="AC7" s="37"/>
      <c r="AD7" s="42" t="s">
        <v>43</v>
      </c>
      <c r="AE7" s="37"/>
      <c r="AF7" s="42" t="s">
        <v>43</v>
      </c>
      <c r="AG7" s="37"/>
      <c r="AH7" s="42" t="s">
        <v>43</v>
      </c>
      <c r="AI7" s="37"/>
      <c r="AJ7" s="42" t="s">
        <v>43</v>
      </c>
      <c r="AK7" s="37"/>
      <c r="AL7" s="43" t="s">
        <v>43</v>
      </c>
      <c r="AM7" s="16"/>
    </row>
    <row r="8" spans="1:39" s="17" customFormat="1" ht="20.149999999999999" customHeight="1" x14ac:dyDescent="0.25">
      <c r="A8" s="18"/>
      <c r="B8" s="52" t="s">
        <v>32</v>
      </c>
      <c r="C8" s="54"/>
      <c r="D8" s="51">
        <v>450832098</v>
      </c>
      <c r="E8" s="46">
        <v>26.2</v>
      </c>
      <c r="F8" s="47">
        <v>388789991</v>
      </c>
      <c r="G8" s="46">
        <v>29.5</v>
      </c>
      <c r="H8" s="45">
        <v>62042107</v>
      </c>
      <c r="I8" s="46">
        <v>8.8000000000000007</v>
      </c>
      <c r="J8" s="45">
        <v>272759311</v>
      </c>
      <c r="K8" s="46">
        <v>0.8</v>
      </c>
      <c r="L8" s="45">
        <v>112931010</v>
      </c>
      <c r="M8" s="46">
        <v>2.2000000000000002</v>
      </c>
      <c r="N8" s="45">
        <v>120446204</v>
      </c>
      <c r="O8" s="46">
        <v>-0.3</v>
      </c>
      <c r="P8" s="45">
        <v>38420534</v>
      </c>
      <c r="Q8" s="46">
        <v>0.3</v>
      </c>
      <c r="R8" s="45">
        <v>961563</v>
      </c>
      <c r="S8" s="46">
        <v>10.1</v>
      </c>
      <c r="T8" s="18"/>
      <c r="U8" s="52" t="s">
        <v>32</v>
      </c>
      <c r="V8" s="53"/>
      <c r="W8" s="51">
        <v>58207209</v>
      </c>
      <c r="X8" s="46">
        <v>1.3</v>
      </c>
      <c r="Y8" s="45">
        <v>20903980</v>
      </c>
      <c r="Z8" s="46">
        <v>-1.3</v>
      </c>
      <c r="AA8" s="45">
        <v>18118732</v>
      </c>
      <c r="AB8" s="46">
        <v>1</v>
      </c>
      <c r="AC8" s="45">
        <v>2818968</v>
      </c>
      <c r="AD8" s="46">
        <v>3.2</v>
      </c>
      <c r="AE8" s="45">
        <v>79392</v>
      </c>
      <c r="AF8" s="46">
        <v>-2.1</v>
      </c>
      <c r="AG8" s="45">
        <v>0</v>
      </c>
      <c r="AH8" s="45">
        <v>0</v>
      </c>
      <c r="AI8" s="45">
        <v>0</v>
      </c>
      <c r="AJ8" s="45">
        <v>0</v>
      </c>
      <c r="AK8" s="45">
        <v>823719690</v>
      </c>
      <c r="AL8" s="46">
        <v>13.3</v>
      </c>
      <c r="AM8" s="29"/>
    </row>
    <row r="9" spans="1:39" s="17" customFormat="1" ht="20.149999999999999" customHeight="1" x14ac:dyDescent="0.25">
      <c r="A9" s="26"/>
      <c r="B9" s="27" t="s">
        <v>0</v>
      </c>
      <c r="C9" s="44"/>
      <c r="D9" s="30">
        <v>184933377</v>
      </c>
      <c r="E9" s="31">
        <v>27.4</v>
      </c>
      <c r="F9" s="48">
        <v>163097417</v>
      </c>
      <c r="G9" s="31">
        <v>31.9</v>
      </c>
      <c r="H9" s="32">
        <v>21835960</v>
      </c>
      <c r="I9" s="31">
        <v>1.4</v>
      </c>
      <c r="J9" s="32">
        <v>123804111</v>
      </c>
      <c r="K9" s="31">
        <v>1.3</v>
      </c>
      <c r="L9" s="32">
        <v>50594599</v>
      </c>
      <c r="M9" s="31">
        <v>2.8</v>
      </c>
      <c r="N9" s="32">
        <v>50360613</v>
      </c>
      <c r="O9" s="31">
        <v>0.7</v>
      </c>
      <c r="P9" s="32">
        <v>22522848</v>
      </c>
      <c r="Q9" s="31">
        <v>-0.5</v>
      </c>
      <c r="R9" s="32">
        <v>326051</v>
      </c>
      <c r="S9" s="31">
        <v>1.7</v>
      </c>
      <c r="T9" s="26"/>
      <c r="U9" s="27" t="s">
        <v>0</v>
      </c>
      <c r="V9" s="44"/>
      <c r="W9" s="30">
        <v>25841258</v>
      </c>
      <c r="X9" s="31">
        <v>1.8</v>
      </c>
      <c r="Y9" s="32">
        <v>8760207</v>
      </c>
      <c r="Z9" s="31">
        <v>-0.6</v>
      </c>
      <c r="AA9" s="32">
        <v>8923289</v>
      </c>
      <c r="AB9" s="31">
        <v>0.7</v>
      </c>
      <c r="AC9" s="32">
        <v>811356</v>
      </c>
      <c r="AD9" s="31">
        <v>2.7</v>
      </c>
      <c r="AE9" s="32">
        <v>3407</v>
      </c>
      <c r="AF9" s="31">
        <v>-21.3</v>
      </c>
      <c r="AG9" s="32">
        <v>0</v>
      </c>
      <c r="AH9" s="32">
        <v>0</v>
      </c>
      <c r="AI9" s="32">
        <v>0</v>
      </c>
      <c r="AJ9" s="32">
        <v>0</v>
      </c>
      <c r="AK9" s="32">
        <v>353077005</v>
      </c>
      <c r="AL9" s="31">
        <v>13.5</v>
      </c>
      <c r="AM9" s="29"/>
    </row>
    <row r="10" spans="1:39" s="17" customFormat="1" ht="20.149999999999999" customHeight="1" x14ac:dyDescent="0.25">
      <c r="A10" s="26"/>
      <c r="B10" s="27" t="s">
        <v>5</v>
      </c>
      <c r="C10" s="44"/>
      <c r="D10" s="30">
        <v>65250936</v>
      </c>
      <c r="E10" s="31">
        <v>25.6</v>
      </c>
      <c r="F10" s="32">
        <v>58580449</v>
      </c>
      <c r="G10" s="31">
        <v>29.7</v>
      </c>
      <c r="H10" s="32">
        <v>6670487</v>
      </c>
      <c r="I10" s="31">
        <v>-1.9</v>
      </c>
      <c r="J10" s="32">
        <v>45179833</v>
      </c>
      <c r="K10" s="31">
        <v>0.7</v>
      </c>
      <c r="L10" s="32">
        <v>19274899</v>
      </c>
      <c r="M10" s="31">
        <v>1.1000000000000001</v>
      </c>
      <c r="N10" s="32">
        <v>18389656</v>
      </c>
      <c r="O10" s="31">
        <v>-1</v>
      </c>
      <c r="P10" s="32">
        <v>6497245</v>
      </c>
      <c r="Q10" s="31">
        <v>4.7</v>
      </c>
      <c r="R10" s="32">
        <v>1018033</v>
      </c>
      <c r="S10" s="31">
        <v>-2.5</v>
      </c>
      <c r="T10" s="26"/>
      <c r="U10" s="27" t="s">
        <v>5</v>
      </c>
      <c r="V10" s="44"/>
      <c r="W10" s="30">
        <v>9089916</v>
      </c>
      <c r="X10" s="31">
        <v>0.4</v>
      </c>
      <c r="Y10" s="32">
        <v>4272462</v>
      </c>
      <c r="Z10" s="31">
        <v>-1.3</v>
      </c>
      <c r="AA10" s="32">
        <v>3122008</v>
      </c>
      <c r="AB10" s="31">
        <v>-2.2000000000000002</v>
      </c>
      <c r="AC10" s="32">
        <v>977306</v>
      </c>
      <c r="AD10" s="31">
        <v>4.4000000000000004</v>
      </c>
      <c r="AE10" s="32">
        <v>0</v>
      </c>
      <c r="AF10" s="32">
        <v>0</v>
      </c>
      <c r="AG10" s="32">
        <v>0</v>
      </c>
      <c r="AH10" s="32">
        <v>0</v>
      </c>
      <c r="AI10" s="32">
        <v>0</v>
      </c>
      <c r="AJ10" s="32">
        <v>0</v>
      </c>
      <c r="AK10" s="32">
        <v>127892461</v>
      </c>
      <c r="AL10" s="31">
        <v>11.8</v>
      </c>
      <c r="AM10" s="29"/>
    </row>
    <row r="11" spans="1:39" s="17" customFormat="1" ht="20.149999999999999" customHeight="1" x14ac:dyDescent="0.25">
      <c r="A11" s="18"/>
      <c r="B11" s="52" t="s">
        <v>1</v>
      </c>
      <c r="C11" s="53"/>
      <c r="D11" s="51">
        <v>27933395</v>
      </c>
      <c r="E11" s="46">
        <v>-3.6</v>
      </c>
      <c r="F11" s="45">
        <v>23667183</v>
      </c>
      <c r="G11" s="46">
        <v>1.5</v>
      </c>
      <c r="H11" s="45">
        <v>4266212</v>
      </c>
      <c r="I11" s="46">
        <v>-24.7</v>
      </c>
      <c r="J11" s="45">
        <v>22791451</v>
      </c>
      <c r="K11" s="46">
        <v>-2.8</v>
      </c>
      <c r="L11" s="45">
        <v>8792885</v>
      </c>
      <c r="M11" s="46">
        <v>-1.3</v>
      </c>
      <c r="N11" s="45">
        <v>9860587</v>
      </c>
      <c r="O11" s="46">
        <v>-2.9</v>
      </c>
      <c r="P11" s="45">
        <v>3961100</v>
      </c>
      <c r="Q11" s="46">
        <v>-5.5</v>
      </c>
      <c r="R11" s="45">
        <v>176879</v>
      </c>
      <c r="S11" s="46">
        <v>-1.2</v>
      </c>
      <c r="T11" s="18"/>
      <c r="U11" s="52" t="s">
        <v>1</v>
      </c>
      <c r="V11" s="53"/>
      <c r="W11" s="51">
        <v>4651585</v>
      </c>
      <c r="X11" s="46">
        <v>-2.2999999999999998</v>
      </c>
      <c r="Y11" s="45">
        <v>2656262</v>
      </c>
      <c r="Z11" s="46">
        <v>-1.5</v>
      </c>
      <c r="AA11" s="45">
        <v>1587954</v>
      </c>
      <c r="AB11" s="46">
        <v>-1.2</v>
      </c>
      <c r="AC11" s="45">
        <v>520610</v>
      </c>
      <c r="AD11" s="46">
        <v>3.6</v>
      </c>
      <c r="AE11" s="45">
        <v>0</v>
      </c>
      <c r="AF11" s="45">
        <v>0</v>
      </c>
      <c r="AG11" s="45">
        <v>1273</v>
      </c>
      <c r="AH11" s="46">
        <v>-44.2</v>
      </c>
      <c r="AI11" s="45">
        <v>0</v>
      </c>
      <c r="AJ11" s="45">
        <v>0</v>
      </c>
      <c r="AK11" s="45">
        <v>60142530</v>
      </c>
      <c r="AL11" s="46">
        <v>-3</v>
      </c>
      <c r="AM11" s="29"/>
    </row>
    <row r="12" spans="1:39" s="17" customFormat="1" ht="20.149999999999999" customHeight="1" x14ac:dyDescent="0.25">
      <c r="A12" s="26"/>
      <c r="B12" s="27" t="s">
        <v>2</v>
      </c>
      <c r="C12" s="44"/>
      <c r="D12" s="30">
        <v>19621164</v>
      </c>
      <c r="E12" s="31">
        <v>1</v>
      </c>
      <c r="F12" s="32">
        <v>15706228</v>
      </c>
      <c r="G12" s="31">
        <v>1</v>
      </c>
      <c r="H12" s="32">
        <v>3914936</v>
      </c>
      <c r="I12" s="31">
        <v>1.2</v>
      </c>
      <c r="J12" s="32">
        <v>19370504</v>
      </c>
      <c r="K12" s="31">
        <v>-0.8</v>
      </c>
      <c r="L12" s="32">
        <v>8841093</v>
      </c>
      <c r="M12" s="31">
        <v>-1.2</v>
      </c>
      <c r="N12" s="32">
        <v>7296667</v>
      </c>
      <c r="O12" s="31">
        <v>-1.1000000000000001</v>
      </c>
      <c r="P12" s="32">
        <v>3152582</v>
      </c>
      <c r="Q12" s="31">
        <v>0.9</v>
      </c>
      <c r="R12" s="32">
        <v>80162</v>
      </c>
      <c r="S12" s="31">
        <v>-0.1</v>
      </c>
      <c r="T12" s="26"/>
      <c r="U12" s="27" t="s">
        <v>2</v>
      </c>
      <c r="V12" s="44"/>
      <c r="W12" s="30">
        <v>2627155</v>
      </c>
      <c r="X12" s="31">
        <v>-1</v>
      </c>
      <c r="Y12" s="32">
        <v>1730844</v>
      </c>
      <c r="Z12" s="31">
        <v>-3.1</v>
      </c>
      <c r="AA12" s="32">
        <v>0</v>
      </c>
      <c r="AB12" s="31" t="s">
        <v>53</v>
      </c>
      <c r="AC12" s="32">
        <v>442593</v>
      </c>
      <c r="AD12" s="31">
        <v>5.8</v>
      </c>
      <c r="AE12" s="32">
        <v>0</v>
      </c>
      <c r="AF12" s="32">
        <v>0</v>
      </c>
      <c r="AG12" s="32">
        <v>0</v>
      </c>
      <c r="AH12" s="32">
        <v>0</v>
      </c>
      <c r="AI12" s="32">
        <v>0</v>
      </c>
      <c r="AJ12" s="32">
        <v>0</v>
      </c>
      <c r="AK12" s="32">
        <v>43792260</v>
      </c>
      <c r="AL12" s="64" t="s">
        <v>55</v>
      </c>
      <c r="AM12" s="29"/>
    </row>
    <row r="13" spans="1:39" s="17" customFormat="1" ht="20.149999999999999" customHeight="1" x14ac:dyDescent="0.25">
      <c r="A13" s="26"/>
      <c r="B13" s="27" t="s">
        <v>37</v>
      </c>
      <c r="C13" s="44"/>
      <c r="D13" s="30">
        <v>18045893</v>
      </c>
      <c r="E13" s="31">
        <v>3</v>
      </c>
      <c r="F13" s="32">
        <v>16274325</v>
      </c>
      <c r="G13" s="31">
        <v>2.4</v>
      </c>
      <c r="H13" s="32">
        <v>1771568</v>
      </c>
      <c r="I13" s="31">
        <v>8.8000000000000007</v>
      </c>
      <c r="J13" s="32">
        <v>13665809</v>
      </c>
      <c r="K13" s="31">
        <v>-0.4</v>
      </c>
      <c r="L13" s="32">
        <v>7267398</v>
      </c>
      <c r="M13" s="31">
        <v>0</v>
      </c>
      <c r="N13" s="32">
        <v>4831950</v>
      </c>
      <c r="O13" s="31">
        <v>-1.5</v>
      </c>
      <c r="P13" s="32">
        <v>1545397</v>
      </c>
      <c r="Q13" s="31">
        <v>0.9</v>
      </c>
      <c r="R13" s="32">
        <v>21064</v>
      </c>
      <c r="S13" s="31">
        <v>-4.9000000000000004</v>
      </c>
      <c r="T13" s="26"/>
      <c r="U13" s="27" t="s">
        <v>37</v>
      </c>
      <c r="V13" s="44"/>
      <c r="W13" s="30">
        <v>3402637</v>
      </c>
      <c r="X13" s="31">
        <v>-0.4</v>
      </c>
      <c r="Y13" s="32">
        <v>763711</v>
      </c>
      <c r="Z13" s="31">
        <v>-2.2999999999999998</v>
      </c>
      <c r="AA13" s="32">
        <v>0</v>
      </c>
      <c r="AB13" s="31" t="s">
        <v>53</v>
      </c>
      <c r="AC13" s="32">
        <v>157215</v>
      </c>
      <c r="AD13" s="31">
        <v>5</v>
      </c>
      <c r="AE13" s="32">
        <v>0</v>
      </c>
      <c r="AF13" s="32">
        <v>0</v>
      </c>
      <c r="AG13" s="32">
        <v>0</v>
      </c>
      <c r="AH13" s="32">
        <v>0</v>
      </c>
      <c r="AI13" s="32">
        <v>0</v>
      </c>
      <c r="AJ13" s="32">
        <v>0</v>
      </c>
      <c r="AK13" s="32">
        <v>36035265</v>
      </c>
      <c r="AL13" s="31">
        <v>1.2</v>
      </c>
      <c r="AM13" s="29"/>
    </row>
    <row r="14" spans="1:39" s="17" customFormat="1" ht="20.149999999999999" customHeight="1" x14ac:dyDescent="0.25">
      <c r="A14" s="26"/>
      <c r="B14" s="27" t="s">
        <v>38</v>
      </c>
      <c r="C14" s="44"/>
      <c r="D14" s="30">
        <v>39387439</v>
      </c>
      <c r="E14" s="31">
        <v>5.3</v>
      </c>
      <c r="F14" s="32">
        <v>33363815</v>
      </c>
      <c r="G14" s="31">
        <v>2.5</v>
      </c>
      <c r="H14" s="32">
        <v>6023624</v>
      </c>
      <c r="I14" s="31">
        <v>24.6</v>
      </c>
      <c r="J14" s="32">
        <v>32022054</v>
      </c>
      <c r="K14" s="31">
        <v>0.2</v>
      </c>
      <c r="L14" s="32">
        <v>14897796</v>
      </c>
      <c r="M14" s="31">
        <v>0.4</v>
      </c>
      <c r="N14" s="32">
        <v>12523493</v>
      </c>
      <c r="O14" s="31">
        <v>-0.8</v>
      </c>
      <c r="P14" s="32">
        <v>4499385</v>
      </c>
      <c r="Q14" s="31">
        <v>2.6</v>
      </c>
      <c r="R14" s="32">
        <v>101380</v>
      </c>
      <c r="S14" s="31">
        <v>0.6</v>
      </c>
      <c r="T14" s="26"/>
      <c r="U14" s="27" t="s">
        <v>38</v>
      </c>
      <c r="V14" s="44"/>
      <c r="W14" s="30">
        <v>5950098</v>
      </c>
      <c r="X14" s="49">
        <v>0.1</v>
      </c>
      <c r="Y14" s="32">
        <v>2371493</v>
      </c>
      <c r="Z14" s="31">
        <v>-0.1</v>
      </c>
      <c r="AA14" s="32">
        <v>2391630</v>
      </c>
      <c r="AB14" s="31">
        <v>-5.7</v>
      </c>
      <c r="AC14" s="32">
        <v>473270</v>
      </c>
      <c r="AD14" s="31">
        <v>4.5</v>
      </c>
      <c r="AE14" s="32">
        <v>8799</v>
      </c>
      <c r="AF14" s="31">
        <v>-58.7</v>
      </c>
      <c r="AG14" s="32">
        <v>840</v>
      </c>
      <c r="AH14" s="31">
        <v>-87.2</v>
      </c>
      <c r="AI14" s="32">
        <v>0</v>
      </c>
      <c r="AJ14" s="32">
        <v>0</v>
      </c>
      <c r="AK14" s="32">
        <v>82605623</v>
      </c>
      <c r="AL14" s="31">
        <v>2.4</v>
      </c>
      <c r="AM14" s="29"/>
    </row>
    <row r="15" spans="1:39" s="17" customFormat="1" ht="20.149999999999999" customHeight="1" x14ac:dyDescent="0.25">
      <c r="A15" s="26"/>
      <c r="B15" s="27" t="s">
        <v>3</v>
      </c>
      <c r="C15" s="44"/>
      <c r="D15" s="30">
        <v>13955722</v>
      </c>
      <c r="E15" s="31">
        <v>-0.7</v>
      </c>
      <c r="F15" s="32">
        <v>11555677</v>
      </c>
      <c r="G15" s="31">
        <v>1.5</v>
      </c>
      <c r="H15" s="32">
        <v>2400045</v>
      </c>
      <c r="I15" s="31">
        <v>-10.1</v>
      </c>
      <c r="J15" s="32">
        <v>15316075</v>
      </c>
      <c r="K15" s="31">
        <v>-1.9</v>
      </c>
      <c r="L15" s="32">
        <v>6444123</v>
      </c>
      <c r="M15" s="31">
        <v>-1.6</v>
      </c>
      <c r="N15" s="32">
        <v>5798470</v>
      </c>
      <c r="O15" s="31">
        <v>-2.6</v>
      </c>
      <c r="P15" s="32">
        <v>3043849</v>
      </c>
      <c r="Q15" s="31">
        <v>-1.2</v>
      </c>
      <c r="R15" s="32">
        <v>29633</v>
      </c>
      <c r="S15" s="31">
        <v>-0.6</v>
      </c>
      <c r="T15" s="26"/>
      <c r="U15" s="27" t="s">
        <v>3</v>
      </c>
      <c r="V15" s="44"/>
      <c r="W15" s="30">
        <v>1915209</v>
      </c>
      <c r="X15" s="31">
        <v>-2.1</v>
      </c>
      <c r="Y15" s="32">
        <v>1269949</v>
      </c>
      <c r="Z15" s="31">
        <v>-1.9</v>
      </c>
      <c r="AA15" s="32">
        <v>0</v>
      </c>
      <c r="AB15" s="31" t="s">
        <v>53</v>
      </c>
      <c r="AC15" s="32">
        <v>350729</v>
      </c>
      <c r="AD15" s="31">
        <v>4</v>
      </c>
      <c r="AE15" s="32">
        <v>21142</v>
      </c>
      <c r="AF15" s="31">
        <v>18.8</v>
      </c>
      <c r="AG15" s="32">
        <v>0</v>
      </c>
      <c r="AH15" s="32">
        <v>0</v>
      </c>
      <c r="AI15" s="32">
        <v>0</v>
      </c>
      <c r="AJ15" s="32">
        <v>0</v>
      </c>
      <c r="AK15" s="32">
        <v>32828826</v>
      </c>
      <c r="AL15" s="31">
        <v>-1.3</v>
      </c>
      <c r="AM15" s="29"/>
    </row>
    <row r="16" spans="1:39" s="17" customFormat="1" ht="20.149999999999999" customHeight="1" x14ac:dyDescent="0.25">
      <c r="A16" s="26"/>
      <c r="B16" s="27" t="s">
        <v>42</v>
      </c>
      <c r="C16" s="44"/>
      <c r="D16" s="30">
        <v>18571718</v>
      </c>
      <c r="E16" s="31">
        <v>4.5</v>
      </c>
      <c r="F16" s="32">
        <v>16649010</v>
      </c>
      <c r="G16" s="31">
        <v>2.5</v>
      </c>
      <c r="H16" s="32">
        <v>1922708</v>
      </c>
      <c r="I16" s="31">
        <v>26.3</v>
      </c>
      <c r="J16" s="32">
        <v>13712738</v>
      </c>
      <c r="K16" s="31">
        <v>-0.4</v>
      </c>
      <c r="L16" s="32">
        <v>7028255</v>
      </c>
      <c r="M16" s="31">
        <v>-0.3</v>
      </c>
      <c r="N16" s="32">
        <v>5217955</v>
      </c>
      <c r="O16" s="31">
        <v>-1.1000000000000001</v>
      </c>
      <c r="P16" s="32">
        <v>1376001</v>
      </c>
      <c r="Q16" s="31">
        <v>1.5</v>
      </c>
      <c r="R16" s="32">
        <v>90527</v>
      </c>
      <c r="S16" s="31">
        <v>0.2</v>
      </c>
      <c r="T16" s="26"/>
      <c r="U16" s="27" t="s">
        <v>42</v>
      </c>
      <c r="V16" s="44"/>
      <c r="W16" s="30">
        <v>3352662</v>
      </c>
      <c r="X16" s="31">
        <v>-0.4</v>
      </c>
      <c r="Y16" s="32">
        <v>1006657</v>
      </c>
      <c r="Z16" s="31">
        <v>-0.8</v>
      </c>
      <c r="AA16" s="32">
        <v>0</v>
      </c>
      <c r="AB16" s="31" t="s">
        <v>53</v>
      </c>
      <c r="AC16" s="32">
        <v>282657</v>
      </c>
      <c r="AD16" s="31">
        <v>4.0999999999999996</v>
      </c>
      <c r="AE16" s="32">
        <v>0</v>
      </c>
      <c r="AF16" s="32">
        <v>0</v>
      </c>
      <c r="AG16" s="32">
        <v>0</v>
      </c>
      <c r="AH16" s="32">
        <v>0</v>
      </c>
      <c r="AI16" s="32">
        <v>0</v>
      </c>
      <c r="AJ16" s="32">
        <v>0</v>
      </c>
      <c r="AK16" s="32">
        <v>36926432</v>
      </c>
      <c r="AL16" s="31">
        <v>2</v>
      </c>
      <c r="AM16" s="29"/>
    </row>
    <row r="17" spans="1:39" s="17" customFormat="1" ht="20.149999999999999" customHeight="1" x14ac:dyDescent="0.25">
      <c r="A17" s="55"/>
      <c r="B17" s="56" t="s">
        <v>4</v>
      </c>
      <c r="C17" s="57"/>
      <c r="D17" s="58">
        <v>5282214</v>
      </c>
      <c r="E17" s="59">
        <v>2.5</v>
      </c>
      <c r="F17" s="60">
        <v>5012660</v>
      </c>
      <c r="G17" s="59">
        <v>2.1</v>
      </c>
      <c r="H17" s="60">
        <v>269554</v>
      </c>
      <c r="I17" s="59">
        <v>9.4</v>
      </c>
      <c r="J17" s="60">
        <v>3382248</v>
      </c>
      <c r="K17" s="59">
        <v>-1.1000000000000001</v>
      </c>
      <c r="L17" s="60">
        <v>1659153</v>
      </c>
      <c r="M17" s="59">
        <v>-0.5</v>
      </c>
      <c r="N17" s="60">
        <v>1401219</v>
      </c>
      <c r="O17" s="59">
        <v>-2.7</v>
      </c>
      <c r="P17" s="60">
        <v>290331</v>
      </c>
      <c r="Q17" s="59">
        <v>1.2</v>
      </c>
      <c r="R17" s="60">
        <v>31545</v>
      </c>
      <c r="S17" s="59">
        <v>19.7</v>
      </c>
      <c r="T17" s="55"/>
      <c r="U17" s="56" t="s">
        <v>4</v>
      </c>
      <c r="V17" s="57"/>
      <c r="W17" s="58">
        <v>595754</v>
      </c>
      <c r="X17" s="59">
        <v>-1.6</v>
      </c>
      <c r="Y17" s="60">
        <v>229535</v>
      </c>
      <c r="Z17" s="59">
        <v>-2.4</v>
      </c>
      <c r="AA17" s="60">
        <v>0</v>
      </c>
      <c r="AB17" s="59" t="s">
        <v>53</v>
      </c>
      <c r="AC17" s="60">
        <v>56007</v>
      </c>
      <c r="AD17" s="59">
        <v>1.5</v>
      </c>
      <c r="AE17" s="60">
        <v>0</v>
      </c>
      <c r="AF17" s="60">
        <v>0</v>
      </c>
      <c r="AG17" s="60">
        <v>0</v>
      </c>
      <c r="AH17" s="60">
        <v>0</v>
      </c>
      <c r="AI17" s="60">
        <v>0</v>
      </c>
      <c r="AJ17" s="60">
        <v>0</v>
      </c>
      <c r="AK17" s="60">
        <v>9545758</v>
      </c>
      <c r="AL17" s="59">
        <v>0.8</v>
      </c>
      <c r="AM17" s="29"/>
    </row>
    <row r="18" spans="1:39" s="17" customFormat="1" ht="20.149999999999999" customHeight="1" x14ac:dyDescent="0.25">
      <c r="A18" s="26"/>
      <c r="B18" s="27" t="s">
        <v>6</v>
      </c>
      <c r="C18" s="44"/>
      <c r="D18" s="30">
        <v>2526076</v>
      </c>
      <c r="E18" s="31">
        <v>1.5</v>
      </c>
      <c r="F18" s="32">
        <v>2314989</v>
      </c>
      <c r="G18" s="31">
        <v>1.6</v>
      </c>
      <c r="H18" s="32">
        <v>211087</v>
      </c>
      <c r="I18" s="31">
        <v>0.7</v>
      </c>
      <c r="J18" s="32">
        <v>2282825</v>
      </c>
      <c r="K18" s="31">
        <v>-4.5999999999999996</v>
      </c>
      <c r="L18" s="32">
        <v>997661</v>
      </c>
      <c r="M18" s="31">
        <v>-6.8</v>
      </c>
      <c r="N18" s="32">
        <v>1020451</v>
      </c>
      <c r="O18" s="31">
        <v>-3.7</v>
      </c>
      <c r="P18" s="32">
        <v>247482</v>
      </c>
      <c r="Q18" s="31">
        <v>0.9</v>
      </c>
      <c r="R18" s="32">
        <v>17231</v>
      </c>
      <c r="S18" s="31">
        <v>-0.5</v>
      </c>
      <c r="T18" s="26"/>
      <c r="U18" s="27" t="s">
        <v>6</v>
      </c>
      <c r="V18" s="44"/>
      <c r="W18" s="30">
        <v>437945</v>
      </c>
      <c r="X18" s="31">
        <v>-5.5</v>
      </c>
      <c r="Y18" s="32">
        <v>295464</v>
      </c>
      <c r="Z18" s="31">
        <v>-2.1</v>
      </c>
      <c r="AA18" s="32">
        <v>0</v>
      </c>
      <c r="AB18" s="31" t="s">
        <v>53</v>
      </c>
      <c r="AC18" s="32">
        <v>103792</v>
      </c>
      <c r="AD18" s="31">
        <v>3.4</v>
      </c>
      <c r="AE18" s="32">
        <v>36265</v>
      </c>
      <c r="AF18" s="31">
        <v>-1.4</v>
      </c>
      <c r="AG18" s="32">
        <v>0</v>
      </c>
      <c r="AH18" s="32">
        <v>0</v>
      </c>
      <c r="AI18" s="32">
        <v>0</v>
      </c>
      <c r="AJ18" s="32">
        <v>0</v>
      </c>
      <c r="AK18" s="32">
        <v>5682367</v>
      </c>
      <c r="AL18" s="31">
        <v>-1.7</v>
      </c>
      <c r="AM18" s="29"/>
    </row>
    <row r="19" spans="1:39" s="17" customFormat="1" ht="20.149999999999999" customHeight="1" x14ac:dyDescent="0.25">
      <c r="A19" s="26"/>
      <c r="B19" s="27" t="s">
        <v>7</v>
      </c>
      <c r="C19" s="44"/>
      <c r="D19" s="30">
        <v>10611446</v>
      </c>
      <c r="E19" s="31">
        <v>0.5</v>
      </c>
      <c r="F19" s="32">
        <v>9253218</v>
      </c>
      <c r="G19" s="31">
        <v>0.6</v>
      </c>
      <c r="H19" s="32">
        <v>1358228</v>
      </c>
      <c r="I19" s="31">
        <v>-0.2</v>
      </c>
      <c r="J19" s="32">
        <v>9653865</v>
      </c>
      <c r="K19" s="31">
        <v>-1.7</v>
      </c>
      <c r="L19" s="32">
        <v>4042345</v>
      </c>
      <c r="M19" s="31">
        <v>-2.4</v>
      </c>
      <c r="N19" s="32">
        <v>3946484</v>
      </c>
      <c r="O19" s="31">
        <v>-2.2000000000000002</v>
      </c>
      <c r="P19" s="32">
        <v>1642312</v>
      </c>
      <c r="Q19" s="31">
        <v>1.4</v>
      </c>
      <c r="R19" s="32">
        <v>22724</v>
      </c>
      <c r="S19" s="31">
        <v>-0.1</v>
      </c>
      <c r="T19" s="26"/>
      <c r="U19" s="27" t="s">
        <v>7</v>
      </c>
      <c r="V19" s="44"/>
      <c r="W19" s="30">
        <v>1629313</v>
      </c>
      <c r="X19" s="31">
        <v>-2.4</v>
      </c>
      <c r="Y19" s="32">
        <v>970847</v>
      </c>
      <c r="Z19" s="31">
        <v>-1.3</v>
      </c>
      <c r="AA19" s="32">
        <v>0</v>
      </c>
      <c r="AB19" s="31" t="s">
        <v>53</v>
      </c>
      <c r="AC19" s="32">
        <v>298245</v>
      </c>
      <c r="AD19" s="31">
        <v>4.3</v>
      </c>
      <c r="AE19" s="32">
        <v>1020</v>
      </c>
      <c r="AF19" s="31">
        <v>-15.9</v>
      </c>
      <c r="AG19" s="32">
        <v>354</v>
      </c>
      <c r="AH19" s="31">
        <v>-41</v>
      </c>
      <c r="AI19" s="32">
        <v>0</v>
      </c>
      <c r="AJ19" s="32">
        <v>0</v>
      </c>
      <c r="AK19" s="32">
        <v>23165090</v>
      </c>
      <c r="AL19" s="31">
        <v>-0.7</v>
      </c>
      <c r="AM19" s="29"/>
    </row>
    <row r="20" spans="1:39" s="17" customFormat="1" ht="20.149999999999999" customHeight="1" x14ac:dyDescent="0.25">
      <c r="A20" s="26"/>
      <c r="B20" s="27" t="s">
        <v>8</v>
      </c>
      <c r="C20" s="44"/>
      <c r="D20" s="30">
        <v>23782971</v>
      </c>
      <c r="E20" s="31">
        <v>-4.9000000000000004</v>
      </c>
      <c r="F20" s="32">
        <v>14753848</v>
      </c>
      <c r="G20" s="31">
        <v>1</v>
      </c>
      <c r="H20" s="32">
        <v>9029123</v>
      </c>
      <c r="I20" s="31">
        <v>-13.3</v>
      </c>
      <c r="J20" s="32">
        <v>19712313</v>
      </c>
      <c r="K20" s="31">
        <v>-0.5</v>
      </c>
      <c r="L20" s="32">
        <v>7955408</v>
      </c>
      <c r="M20" s="31">
        <v>-0.2</v>
      </c>
      <c r="N20" s="32">
        <v>8343582</v>
      </c>
      <c r="O20" s="31">
        <v>-1.7</v>
      </c>
      <c r="P20" s="32">
        <v>3327219</v>
      </c>
      <c r="Q20" s="31">
        <v>2</v>
      </c>
      <c r="R20" s="32">
        <v>86104</v>
      </c>
      <c r="S20" s="31">
        <v>-11.1</v>
      </c>
      <c r="T20" s="26"/>
      <c r="U20" s="27" t="s">
        <v>8</v>
      </c>
      <c r="V20" s="44"/>
      <c r="W20" s="30">
        <v>2399311</v>
      </c>
      <c r="X20" s="31">
        <v>-0.8</v>
      </c>
      <c r="Y20" s="32">
        <v>1801408</v>
      </c>
      <c r="Z20" s="31">
        <v>-4.3</v>
      </c>
      <c r="AA20" s="32">
        <v>0</v>
      </c>
      <c r="AB20" s="31" t="s">
        <v>53</v>
      </c>
      <c r="AC20" s="32">
        <v>404505</v>
      </c>
      <c r="AD20" s="31">
        <v>4.7</v>
      </c>
      <c r="AE20" s="32">
        <v>5462</v>
      </c>
      <c r="AF20" s="31">
        <v>0.4</v>
      </c>
      <c r="AG20" s="32">
        <v>0</v>
      </c>
      <c r="AH20" s="32">
        <v>0</v>
      </c>
      <c r="AI20" s="32">
        <v>0</v>
      </c>
      <c r="AJ20" s="32">
        <v>0</v>
      </c>
      <c r="AK20" s="32">
        <v>48105970</v>
      </c>
      <c r="AL20" s="31">
        <v>-2.9</v>
      </c>
      <c r="AM20" s="29"/>
    </row>
    <row r="21" spans="1:39" s="17" customFormat="1" ht="20.149999999999999" customHeight="1" x14ac:dyDescent="0.25">
      <c r="A21" s="26"/>
      <c r="B21" s="27" t="s">
        <v>9</v>
      </c>
      <c r="C21" s="44"/>
      <c r="D21" s="30">
        <v>17724901</v>
      </c>
      <c r="E21" s="31">
        <v>1</v>
      </c>
      <c r="F21" s="32">
        <v>15745531</v>
      </c>
      <c r="G21" s="31">
        <v>1</v>
      </c>
      <c r="H21" s="32">
        <v>1979370</v>
      </c>
      <c r="I21" s="31">
        <v>0.8</v>
      </c>
      <c r="J21" s="32">
        <v>14367732</v>
      </c>
      <c r="K21" s="31">
        <v>-0.5</v>
      </c>
      <c r="L21" s="32">
        <v>6652031</v>
      </c>
      <c r="M21" s="31">
        <v>0.2</v>
      </c>
      <c r="N21" s="32">
        <v>5882416</v>
      </c>
      <c r="O21" s="31">
        <v>-1</v>
      </c>
      <c r="P21" s="32">
        <v>1743588</v>
      </c>
      <c r="Q21" s="31">
        <v>-1.5</v>
      </c>
      <c r="R21" s="32">
        <v>89697</v>
      </c>
      <c r="S21" s="31">
        <v>-0.3</v>
      </c>
      <c r="T21" s="26"/>
      <c r="U21" s="27" t="s">
        <v>9</v>
      </c>
      <c r="V21" s="44"/>
      <c r="W21" s="30">
        <v>2089806</v>
      </c>
      <c r="X21" s="31">
        <v>-0.2</v>
      </c>
      <c r="Y21" s="32">
        <v>1696788</v>
      </c>
      <c r="Z21" s="31">
        <v>-1.6</v>
      </c>
      <c r="AA21" s="32">
        <v>0</v>
      </c>
      <c r="AB21" s="31" t="s">
        <v>53</v>
      </c>
      <c r="AC21" s="32">
        <v>244247</v>
      </c>
      <c r="AD21" s="31">
        <v>4.9000000000000004</v>
      </c>
      <c r="AE21" s="32">
        <v>0</v>
      </c>
      <c r="AF21" s="32">
        <v>0</v>
      </c>
      <c r="AG21" s="32">
        <v>0</v>
      </c>
      <c r="AH21" s="32">
        <v>0</v>
      </c>
      <c r="AI21" s="32">
        <v>0</v>
      </c>
      <c r="AJ21" s="32">
        <v>0</v>
      </c>
      <c r="AK21" s="32">
        <v>36123474</v>
      </c>
      <c r="AL21" s="31">
        <v>0.2</v>
      </c>
      <c r="AM21" s="29"/>
    </row>
    <row r="22" spans="1:39" s="17" customFormat="1" ht="20.149999999999999" customHeight="1" x14ac:dyDescent="0.25">
      <c r="A22" s="55"/>
      <c r="B22" s="56" t="s">
        <v>10</v>
      </c>
      <c r="C22" s="57"/>
      <c r="D22" s="58">
        <v>8524906</v>
      </c>
      <c r="E22" s="59">
        <v>0.1</v>
      </c>
      <c r="F22" s="60">
        <v>6632230</v>
      </c>
      <c r="G22" s="59">
        <v>1.8</v>
      </c>
      <c r="H22" s="60">
        <v>1892676</v>
      </c>
      <c r="I22" s="59">
        <v>-5.5</v>
      </c>
      <c r="J22" s="60">
        <v>7151657</v>
      </c>
      <c r="K22" s="59">
        <v>0.7</v>
      </c>
      <c r="L22" s="60">
        <v>2993558</v>
      </c>
      <c r="M22" s="59">
        <v>-0.5</v>
      </c>
      <c r="N22" s="60">
        <v>2845343</v>
      </c>
      <c r="O22" s="59">
        <v>-1.7</v>
      </c>
      <c r="P22" s="60">
        <v>1276466</v>
      </c>
      <c r="Q22" s="59">
        <v>9.5</v>
      </c>
      <c r="R22" s="60">
        <v>36290</v>
      </c>
      <c r="S22" s="59">
        <v>0.1</v>
      </c>
      <c r="T22" s="55"/>
      <c r="U22" s="56" t="s">
        <v>10</v>
      </c>
      <c r="V22" s="57"/>
      <c r="W22" s="58">
        <v>847303</v>
      </c>
      <c r="X22" s="59">
        <v>-0.7</v>
      </c>
      <c r="Y22" s="60">
        <v>616856</v>
      </c>
      <c r="Z22" s="59">
        <v>-1.7</v>
      </c>
      <c r="AA22" s="60">
        <v>0</v>
      </c>
      <c r="AB22" s="59" t="s">
        <v>53</v>
      </c>
      <c r="AC22" s="60">
        <v>184674</v>
      </c>
      <c r="AD22" s="59">
        <v>4.2</v>
      </c>
      <c r="AE22" s="60">
        <v>940</v>
      </c>
      <c r="AF22" s="59">
        <v>43.5</v>
      </c>
      <c r="AG22" s="60">
        <v>0</v>
      </c>
      <c r="AH22" s="60">
        <v>0</v>
      </c>
      <c r="AI22" s="60">
        <v>0</v>
      </c>
      <c r="AJ22" s="60">
        <v>0</v>
      </c>
      <c r="AK22" s="60">
        <v>17326336</v>
      </c>
      <c r="AL22" s="59">
        <v>0.3</v>
      </c>
      <c r="AM22" s="29"/>
    </row>
    <row r="23" spans="1:39" s="17" customFormat="1" ht="20.149999999999999" customHeight="1" x14ac:dyDescent="0.25">
      <c r="A23" s="26"/>
      <c r="B23" s="27" t="s">
        <v>11</v>
      </c>
      <c r="C23" s="44"/>
      <c r="D23" s="30">
        <v>10661889</v>
      </c>
      <c r="E23" s="31">
        <v>3.7</v>
      </c>
      <c r="F23" s="32">
        <v>8829455</v>
      </c>
      <c r="G23" s="31">
        <v>2.8</v>
      </c>
      <c r="H23" s="32">
        <v>1832434</v>
      </c>
      <c r="I23" s="31">
        <v>8.1999999999999993</v>
      </c>
      <c r="J23" s="32">
        <v>10379882</v>
      </c>
      <c r="K23" s="31">
        <v>1.4</v>
      </c>
      <c r="L23" s="32">
        <v>4481641</v>
      </c>
      <c r="M23" s="31">
        <v>2.8</v>
      </c>
      <c r="N23" s="32">
        <v>4144146</v>
      </c>
      <c r="O23" s="31">
        <v>0.9</v>
      </c>
      <c r="P23" s="32">
        <v>1726813</v>
      </c>
      <c r="Q23" s="31">
        <v>-1</v>
      </c>
      <c r="R23" s="32">
        <v>27282</v>
      </c>
      <c r="S23" s="31">
        <v>-0.3</v>
      </c>
      <c r="T23" s="26"/>
      <c r="U23" s="27" t="s">
        <v>11</v>
      </c>
      <c r="V23" s="44"/>
      <c r="W23" s="30">
        <v>1361265</v>
      </c>
      <c r="X23" s="49">
        <v>1.4</v>
      </c>
      <c r="Y23" s="32">
        <v>830519</v>
      </c>
      <c r="Z23" s="31">
        <v>-2.2000000000000002</v>
      </c>
      <c r="AA23" s="32">
        <v>0</v>
      </c>
      <c r="AB23" s="31" t="s">
        <v>53</v>
      </c>
      <c r="AC23" s="32">
        <v>170893</v>
      </c>
      <c r="AD23" s="31">
        <v>4.5999999999999996</v>
      </c>
      <c r="AE23" s="32">
        <v>0</v>
      </c>
      <c r="AF23" s="32">
        <v>0</v>
      </c>
      <c r="AG23" s="32">
        <v>0</v>
      </c>
      <c r="AH23" s="32">
        <v>0</v>
      </c>
      <c r="AI23" s="32">
        <v>0</v>
      </c>
      <c r="AJ23" s="32">
        <v>0</v>
      </c>
      <c r="AK23" s="32">
        <v>23404448</v>
      </c>
      <c r="AL23" s="31">
        <v>2.2999999999999998</v>
      </c>
      <c r="AM23" s="29"/>
    </row>
    <row r="24" spans="1:39" s="17" customFormat="1" ht="20.149999999999999" customHeight="1" x14ac:dyDescent="0.25">
      <c r="A24" s="26"/>
      <c r="B24" s="27" t="s">
        <v>12</v>
      </c>
      <c r="C24" s="44"/>
      <c r="D24" s="30">
        <v>9073531</v>
      </c>
      <c r="E24" s="31">
        <v>-5.8</v>
      </c>
      <c r="F24" s="32">
        <v>7818988</v>
      </c>
      <c r="G24" s="31">
        <v>1.3</v>
      </c>
      <c r="H24" s="32">
        <v>1254543</v>
      </c>
      <c r="I24" s="31">
        <v>-34.5</v>
      </c>
      <c r="J24" s="32">
        <v>7974856</v>
      </c>
      <c r="K24" s="31">
        <v>-0.1</v>
      </c>
      <c r="L24" s="32">
        <v>3406911</v>
      </c>
      <c r="M24" s="31">
        <v>-1.2</v>
      </c>
      <c r="N24" s="32">
        <v>3453668</v>
      </c>
      <c r="O24" s="31">
        <v>1.8</v>
      </c>
      <c r="P24" s="32">
        <v>1058921</v>
      </c>
      <c r="Q24" s="31">
        <v>-4.3</v>
      </c>
      <c r="R24" s="32">
        <v>55356</v>
      </c>
      <c r="S24" s="31">
        <v>55.3</v>
      </c>
      <c r="T24" s="26"/>
      <c r="U24" s="27" t="s">
        <v>12</v>
      </c>
      <c r="V24" s="44"/>
      <c r="W24" s="30">
        <v>1153931</v>
      </c>
      <c r="X24" s="31">
        <v>-0.6</v>
      </c>
      <c r="Y24" s="32">
        <v>688449</v>
      </c>
      <c r="Z24" s="31">
        <v>1</v>
      </c>
      <c r="AA24" s="32">
        <v>0</v>
      </c>
      <c r="AB24" s="31" t="s">
        <v>53</v>
      </c>
      <c r="AC24" s="32">
        <v>164168</v>
      </c>
      <c r="AD24" s="31">
        <v>6.8</v>
      </c>
      <c r="AE24" s="32">
        <v>0</v>
      </c>
      <c r="AF24" s="32">
        <v>0</v>
      </c>
      <c r="AG24" s="32">
        <v>0</v>
      </c>
      <c r="AH24" s="32">
        <v>0</v>
      </c>
      <c r="AI24" s="32">
        <v>0</v>
      </c>
      <c r="AJ24" s="32">
        <v>0</v>
      </c>
      <c r="AK24" s="32">
        <v>19054935</v>
      </c>
      <c r="AL24" s="31">
        <v>-2.8</v>
      </c>
      <c r="AM24" s="29"/>
    </row>
    <row r="25" spans="1:39" s="17" customFormat="1" ht="20.149999999999999" customHeight="1" x14ac:dyDescent="0.25">
      <c r="A25" s="26"/>
      <c r="B25" s="27" t="s">
        <v>13</v>
      </c>
      <c r="C25" s="44"/>
      <c r="D25" s="30">
        <v>2850779</v>
      </c>
      <c r="E25" s="31">
        <v>-4.3</v>
      </c>
      <c r="F25" s="32">
        <v>2381060</v>
      </c>
      <c r="G25" s="31">
        <v>2.7</v>
      </c>
      <c r="H25" s="32">
        <v>469719</v>
      </c>
      <c r="I25" s="31">
        <v>-29</v>
      </c>
      <c r="J25" s="32">
        <v>3387757</v>
      </c>
      <c r="K25" s="31">
        <v>-4.2</v>
      </c>
      <c r="L25" s="32">
        <v>1406401</v>
      </c>
      <c r="M25" s="31">
        <v>-5.5</v>
      </c>
      <c r="N25" s="32">
        <v>1301470</v>
      </c>
      <c r="O25" s="31">
        <v>-3.2</v>
      </c>
      <c r="P25" s="32">
        <v>679841</v>
      </c>
      <c r="Q25" s="31">
        <v>-3.2</v>
      </c>
      <c r="R25" s="32">
        <v>45</v>
      </c>
      <c r="S25" s="31">
        <v>-4.3</v>
      </c>
      <c r="T25" s="26"/>
      <c r="U25" s="27" t="s">
        <v>13</v>
      </c>
      <c r="V25" s="44"/>
      <c r="W25" s="30">
        <v>402769</v>
      </c>
      <c r="X25" s="31">
        <v>-4.4000000000000004</v>
      </c>
      <c r="Y25" s="32">
        <v>257884</v>
      </c>
      <c r="Z25" s="31">
        <v>3.1</v>
      </c>
      <c r="AA25" s="32">
        <v>0</v>
      </c>
      <c r="AB25" s="31" t="s">
        <v>53</v>
      </c>
      <c r="AC25" s="32">
        <v>99114</v>
      </c>
      <c r="AD25" s="31">
        <v>3.6</v>
      </c>
      <c r="AE25" s="32">
        <v>587</v>
      </c>
      <c r="AF25" s="31">
        <v>0.3</v>
      </c>
      <c r="AG25" s="32">
        <v>0</v>
      </c>
      <c r="AH25" s="32">
        <v>0</v>
      </c>
      <c r="AI25" s="32">
        <v>0</v>
      </c>
      <c r="AJ25" s="32">
        <v>0</v>
      </c>
      <c r="AK25" s="32">
        <v>6998890</v>
      </c>
      <c r="AL25" s="31">
        <v>-3.9</v>
      </c>
      <c r="AM25" s="29"/>
    </row>
    <row r="26" spans="1:39" s="17" customFormat="1" ht="20.149999999999999" customHeight="1" x14ac:dyDescent="0.25">
      <c r="A26" s="26"/>
      <c r="B26" s="27" t="s">
        <v>14</v>
      </c>
      <c r="C26" s="44"/>
      <c r="D26" s="30">
        <v>5926693</v>
      </c>
      <c r="E26" s="31">
        <v>2.2000000000000002</v>
      </c>
      <c r="F26" s="32">
        <v>4771633</v>
      </c>
      <c r="G26" s="31">
        <v>0.9</v>
      </c>
      <c r="H26" s="32">
        <v>1155060</v>
      </c>
      <c r="I26" s="31">
        <v>7.6</v>
      </c>
      <c r="J26" s="32">
        <v>5952165</v>
      </c>
      <c r="K26" s="31">
        <v>-1.3</v>
      </c>
      <c r="L26" s="32">
        <v>2815874</v>
      </c>
      <c r="M26" s="31">
        <v>-0.8</v>
      </c>
      <c r="N26" s="32">
        <v>2041008</v>
      </c>
      <c r="O26" s="31">
        <v>-2</v>
      </c>
      <c r="P26" s="32">
        <v>1054454</v>
      </c>
      <c r="Q26" s="31">
        <v>-1.3</v>
      </c>
      <c r="R26" s="32">
        <v>40829</v>
      </c>
      <c r="S26" s="31">
        <v>-4.9000000000000004</v>
      </c>
      <c r="T26" s="26"/>
      <c r="U26" s="27" t="s">
        <v>14</v>
      </c>
      <c r="V26" s="44"/>
      <c r="W26" s="30">
        <v>757804</v>
      </c>
      <c r="X26" s="31">
        <v>-1.1000000000000001</v>
      </c>
      <c r="Y26" s="32">
        <v>562698</v>
      </c>
      <c r="Z26" s="31">
        <v>0.4</v>
      </c>
      <c r="AA26" s="32">
        <v>0</v>
      </c>
      <c r="AB26" s="31" t="s">
        <v>53</v>
      </c>
      <c r="AC26" s="32">
        <v>149311</v>
      </c>
      <c r="AD26" s="31">
        <v>5.6</v>
      </c>
      <c r="AE26" s="32">
        <v>0</v>
      </c>
      <c r="AF26" s="32">
        <v>0</v>
      </c>
      <c r="AG26" s="32">
        <v>0</v>
      </c>
      <c r="AH26" s="32">
        <v>0</v>
      </c>
      <c r="AI26" s="32">
        <v>0</v>
      </c>
      <c r="AJ26" s="32">
        <v>0</v>
      </c>
      <c r="AK26" s="32">
        <v>13348671</v>
      </c>
      <c r="AL26" s="31">
        <v>0.4</v>
      </c>
      <c r="AM26" s="29"/>
    </row>
    <row r="27" spans="1:39" s="17" customFormat="1" ht="20.149999999999999" customHeight="1" x14ac:dyDescent="0.25">
      <c r="A27" s="18"/>
      <c r="B27" s="52" t="s">
        <v>15</v>
      </c>
      <c r="C27" s="53"/>
      <c r="D27" s="51">
        <v>2874614</v>
      </c>
      <c r="E27" s="46">
        <v>0.1</v>
      </c>
      <c r="F27" s="45">
        <v>2758824</v>
      </c>
      <c r="G27" s="46">
        <v>0.7</v>
      </c>
      <c r="H27" s="45">
        <v>115790</v>
      </c>
      <c r="I27" s="46">
        <v>-12.9</v>
      </c>
      <c r="J27" s="45">
        <v>2208354</v>
      </c>
      <c r="K27" s="46">
        <v>-1.8</v>
      </c>
      <c r="L27" s="45">
        <v>1136221</v>
      </c>
      <c r="M27" s="46">
        <v>-2.4</v>
      </c>
      <c r="N27" s="45">
        <v>937948</v>
      </c>
      <c r="O27" s="46">
        <v>-2.2999999999999998</v>
      </c>
      <c r="P27" s="45">
        <v>123978</v>
      </c>
      <c r="Q27" s="46">
        <v>8.6</v>
      </c>
      <c r="R27" s="45">
        <v>10207</v>
      </c>
      <c r="S27" s="46">
        <v>6.1</v>
      </c>
      <c r="T27" s="18"/>
      <c r="U27" s="52" t="s">
        <v>15</v>
      </c>
      <c r="V27" s="53"/>
      <c r="W27" s="51">
        <v>510713</v>
      </c>
      <c r="X27" s="46">
        <v>-1.5</v>
      </c>
      <c r="Y27" s="45">
        <v>110799</v>
      </c>
      <c r="Z27" s="46">
        <v>-9.1</v>
      </c>
      <c r="AA27" s="45">
        <v>0</v>
      </c>
      <c r="AB27" s="46" t="s">
        <v>53</v>
      </c>
      <c r="AC27" s="45">
        <v>45894</v>
      </c>
      <c r="AD27" s="46">
        <v>4.3</v>
      </c>
      <c r="AE27" s="45">
        <v>0</v>
      </c>
      <c r="AF27" s="45">
        <v>0</v>
      </c>
      <c r="AG27" s="45">
        <v>0</v>
      </c>
      <c r="AH27" s="45">
        <v>0</v>
      </c>
      <c r="AI27" s="45">
        <v>0</v>
      </c>
      <c r="AJ27" s="45">
        <v>0</v>
      </c>
      <c r="AK27" s="45">
        <v>5750374</v>
      </c>
      <c r="AL27" s="46">
        <v>-0.9</v>
      </c>
      <c r="AM27" s="29"/>
    </row>
    <row r="28" spans="1:39" s="17" customFormat="1" ht="20.149999999999999" customHeight="1" x14ac:dyDescent="0.25">
      <c r="A28" s="26"/>
      <c r="B28" s="27" t="s">
        <v>16</v>
      </c>
      <c r="C28" s="44"/>
      <c r="D28" s="30">
        <v>3364698</v>
      </c>
      <c r="E28" s="31">
        <v>-0.9</v>
      </c>
      <c r="F28" s="32">
        <v>2668940</v>
      </c>
      <c r="G28" s="31">
        <v>-0.5</v>
      </c>
      <c r="H28" s="32">
        <v>695758</v>
      </c>
      <c r="I28" s="31">
        <v>-2.6</v>
      </c>
      <c r="J28" s="32">
        <v>4374670</v>
      </c>
      <c r="K28" s="31">
        <v>1.5</v>
      </c>
      <c r="L28" s="32">
        <v>2035458</v>
      </c>
      <c r="M28" s="31">
        <v>0.4</v>
      </c>
      <c r="N28" s="32">
        <v>1327764</v>
      </c>
      <c r="O28" s="31">
        <v>2.2999999999999998</v>
      </c>
      <c r="P28" s="32">
        <v>873072</v>
      </c>
      <c r="Q28" s="31">
        <v>3.1</v>
      </c>
      <c r="R28" s="32">
        <v>138376</v>
      </c>
      <c r="S28" s="31">
        <v>-0.4</v>
      </c>
      <c r="T28" s="26"/>
      <c r="U28" s="27" t="s">
        <v>16</v>
      </c>
      <c r="V28" s="44"/>
      <c r="W28" s="30">
        <v>508302</v>
      </c>
      <c r="X28" s="31">
        <v>1</v>
      </c>
      <c r="Y28" s="32">
        <v>362650</v>
      </c>
      <c r="Z28" s="31">
        <v>-2.6</v>
      </c>
      <c r="AA28" s="32">
        <v>0</v>
      </c>
      <c r="AB28" s="31" t="s">
        <v>53</v>
      </c>
      <c r="AC28" s="32">
        <v>96538</v>
      </c>
      <c r="AD28" s="31">
        <v>5.3</v>
      </c>
      <c r="AE28" s="32">
        <v>0</v>
      </c>
      <c r="AF28" s="32">
        <v>0</v>
      </c>
      <c r="AG28" s="32">
        <v>0</v>
      </c>
      <c r="AH28" s="32">
        <v>0</v>
      </c>
      <c r="AI28" s="32">
        <v>0</v>
      </c>
      <c r="AJ28" s="32">
        <v>0</v>
      </c>
      <c r="AK28" s="32">
        <v>8706858</v>
      </c>
      <c r="AL28" s="31">
        <v>0.4</v>
      </c>
      <c r="AM28" s="29"/>
    </row>
    <row r="29" spans="1:39" s="17" customFormat="1" ht="20.149999999999999" customHeight="1" x14ac:dyDescent="0.25">
      <c r="A29" s="26"/>
      <c r="B29" s="27" t="s">
        <v>17</v>
      </c>
      <c r="C29" s="44"/>
      <c r="D29" s="30">
        <v>2574361</v>
      </c>
      <c r="E29" s="31">
        <v>5.5</v>
      </c>
      <c r="F29" s="32">
        <v>2382706</v>
      </c>
      <c r="G29" s="31">
        <v>4.2</v>
      </c>
      <c r="H29" s="32">
        <v>191655</v>
      </c>
      <c r="I29" s="31">
        <v>25.6</v>
      </c>
      <c r="J29" s="32">
        <v>2250965</v>
      </c>
      <c r="K29" s="31">
        <v>-1</v>
      </c>
      <c r="L29" s="32">
        <v>1145902</v>
      </c>
      <c r="M29" s="31">
        <v>-2.4</v>
      </c>
      <c r="N29" s="32">
        <v>762286</v>
      </c>
      <c r="O29" s="31">
        <v>-1.9</v>
      </c>
      <c r="P29" s="32">
        <v>342430</v>
      </c>
      <c r="Q29" s="31">
        <v>6.4</v>
      </c>
      <c r="R29" s="32">
        <v>347</v>
      </c>
      <c r="S29" s="31">
        <v>0.6</v>
      </c>
      <c r="T29" s="26"/>
      <c r="U29" s="27" t="s">
        <v>17</v>
      </c>
      <c r="V29" s="44"/>
      <c r="W29" s="30">
        <v>0</v>
      </c>
      <c r="X29" s="32">
        <v>0</v>
      </c>
      <c r="Y29" s="32">
        <v>134347</v>
      </c>
      <c r="Z29" s="31">
        <v>-4.9000000000000004</v>
      </c>
      <c r="AA29" s="32">
        <v>0</v>
      </c>
      <c r="AB29" s="31" t="s">
        <v>53</v>
      </c>
      <c r="AC29" s="32">
        <v>54732</v>
      </c>
      <c r="AD29" s="31">
        <v>6.3</v>
      </c>
      <c r="AE29" s="32">
        <v>22870</v>
      </c>
      <c r="AF29" s="49">
        <v>106.7</v>
      </c>
      <c r="AG29" s="32">
        <v>0</v>
      </c>
      <c r="AH29" s="32">
        <v>0</v>
      </c>
      <c r="AI29" s="32">
        <v>0</v>
      </c>
      <c r="AJ29" s="32">
        <v>0</v>
      </c>
      <c r="AK29" s="32">
        <v>5037275</v>
      </c>
      <c r="AL29" s="31">
        <v>2.5</v>
      </c>
      <c r="AM29" s="29"/>
    </row>
    <row r="30" spans="1:39" s="17" customFormat="1" ht="20.149999999999999" customHeight="1" x14ac:dyDescent="0.25">
      <c r="A30" s="26"/>
      <c r="B30" s="27" t="s">
        <v>18</v>
      </c>
      <c r="C30" s="44"/>
      <c r="D30" s="30">
        <v>1848647</v>
      </c>
      <c r="E30" s="31">
        <v>-29.4</v>
      </c>
      <c r="F30" s="32">
        <v>1760616</v>
      </c>
      <c r="G30" s="31">
        <v>-30.6</v>
      </c>
      <c r="H30" s="32">
        <v>88031</v>
      </c>
      <c r="I30" s="31">
        <v>5.5</v>
      </c>
      <c r="J30" s="32">
        <v>1457348</v>
      </c>
      <c r="K30" s="31">
        <v>-3.6</v>
      </c>
      <c r="L30" s="32">
        <v>722559</v>
      </c>
      <c r="M30" s="31">
        <v>-4.0999999999999996</v>
      </c>
      <c r="N30" s="32">
        <v>537040</v>
      </c>
      <c r="O30" s="31">
        <v>-3.5</v>
      </c>
      <c r="P30" s="32">
        <v>190444</v>
      </c>
      <c r="Q30" s="31">
        <v>-2.1</v>
      </c>
      <c r="R30" s="32">
        <v>7305</v>
      </c>
      <c r="S30" s="31">
        <v>-0.8</v>
      </c>
      <c r="T30" s="26"/>
      <c r="U30" s="27" t="s">
        <v>18</v>
      </c>
      <c r="V30" s="44"/>
      <c r="W30" s="30">
        <v>0</v>
      </c>
      <c r="X30" s="32">
        <v>0</v>
      </c>
      <c r="Y30" s="32">
        <v>128388</v>
      </c>
      <c r="Z30" s="31">
        <v>0</v>
      </c>
      <c r="AA30" s="32">
        <v>0</v>
      </c>
      <c r="AB30" s="31" t="s">
        <v>53</v>
      </c>
      <c r="AC30" s="32">
        <v>46203</v>
      </c>
      <c r="AD30" s="31">
        <v>3.8</v>
      </c>
      <c r="AE30" s="32">
        <v>0</v>
      </c>
      <c r="AF30" s="32">
        <v>0</v>
      </c>
      <c r="AG30" s="32">
        <v>0</v>
      </c>
      <c r="AH30" s="32">
        <v>0</v>
      </c>
      <c r="AI30" s="32">
        <v>0</v>
      </c>
      <c r="AJ30" s="32">
        <v>0</v>
      </c>
      <c r="AK30" s="32">
        <v>3480586</v>
      </c>
      <c r="AL30" s="31">
        <v>-19.2</v>
      </c>
      <c r="AM30" s="29"/>
    </row>
    <row r="31" spans="1:39" s="17" customFormat="1" ht="20.149999999999999" customHeight="1" x14ac:dyDescent="0.25">
      <c r="A31" s="26"/>
      <c r="B31" s="27" t="s">
        <v>19</v>
      </c>
      <c r="C31" s="44"/>
      <c r="D31" s="30">
        <v>1017136</v>
      </c>
      <c r="E31" s="31">
        <v>3.6</v>
      </c>
      <c r="F31" s="32">
        <v>493791</v>
      </c>
      <c r="G31" s="31">
        <v>-0.3</v>
      </c>
      <c r="H31" s="32">
        <v>523345</v>
      </c>
      <c r="I31" s="31">
        <v>7.6</v>
      </c>
      <c r="J31" s="32">
        <v>1473005</v>
      </c>
      <c r="K31" s="31">
        <v>-1.8</v>
      </c>
      <c r="L31" s="32">
        <v>495983</v>
      </c>
      <c r="M31" s="31">
        <v>-1.5</v>
      </c>
      <c r="N31" s="32">
        <v>612747</v>
      </c>
      <c r="O31" s="31">
        <v>-3.6</v>
      </c>
      <c r="P31" s="32">
        <v>364077</v>
      </c>
      <c r="Q31" s="31">
        <v>1</v>
      </c>
      <c r="R31" s="32">
        <v>198</v>
      </c>
      <c r="S31" s="31">
        <v>10</v>
      </c>
      <c r="T31" s="26"/>
      <c r="U31" s="27" t="s">
        <v>19</v>
      </c>
      <c r="V31" s="44"/>
      <c r="W31" s="30">
        <v>0</v>
      </c>
      <c r="X31" s="32">
        <v>0</v>
      </c>
      <c r="Y31" s="32">
        <v>102888</v>
      </c>
      <c r="Z31" s="31">
        <v>1.6</v>
      </c>
      <c r="AA31" s="32">
        <v>0</v>
      </c>
      <c r="AB31" s="31" t="s">
        <v>53</v>
      </c>
      <c r="AC31" s="32">
        <v>31954</v>
      </c>
      <c r="AD31" s="31">
        <v>4.2</v>
      </c>
      <c r="AE31" s="32">
        <v>0</v>
      </c>
      <c r="AF31" s="32">
        <v>0</v>
      </c>
      <c r="AG31" s="32">
        <v>0</v>
      </c>
      <c r="AH31" s="32">
        <v>0</v>
      </c>
      <c r="AI31" s="50">
        <v>0</v>
      </c>
      <c r="AJ31" s="50">
        <v>0</v>
      </c>
      <c r="AK31" s="32">
        <v>2624983</v>
      </c>
      <c r="AL31" s="31">
        <v>0.4</v>
      </c>
      <c r="AM31" s="29"/>
    </row>
    <row r="32" spans="1:39" s="17" customFormat="1" ht="20.149999999999999" customHeight="1" x14ac:dyDescent="0.25">
      <c r="A32" s="55"/>
      <c r="B32" s="56" t="s">
        <v>20</v>
      </c>
      <c r="C32" s="57"/>
      <c r="D32" s="58">
        <v>1128128</v>
      </c>
      <c r="E32" s="59">
        <v>8.8000000000000007</v>
      </c>
      <c r="F32" s="60">
        <v>898630</v>
      </c>
      <c r="G32" s="59">
        <v>0.9</v>
      </c>
      <c r="H32" s="60">
        <v>229498</v>
      </c>
      <c r="I32" s="59">
        <v>56.7</v>
      </c>
      <c r="J32" s="60">
        <v>1501000</v>
      </c>
      <c r="K32" s="59">
        <v>-2.2999999999999998</v>
      </c>
      <c r="L32" s="60">
        <v>751986</v>
      </c>
      <c r="M32" s="59">
        <v>-1.8</v>
      </c>
      <c r="N32" s="60">
        <v>604204</v>
      </c>
      <c r="O32" s="59">
        <v>-2.9</v>
      </c>
      <c r="P32" s="60">
        <v>142823</v>
      </c>
      <c r="Q32" s="59">
        <v>-2.4</v>
      </c>
      <c r="R32" s="60">
        <v>1987</v>
      </c>
      <c r="S32" s="59">
        <v>0</v>
      </c>
      <c r="T32" s="55"/>
      <c r="U32" s="56" t="s">
        <v>20</v>
      </c>
      <c r="V32" s="57"/>
      <c r="W32" s="58">
        <v>0</v>
      </c>
      <c r="X32" s="60">
        <v>0</v>
      </c>
      <c r="Y32" s="60">
        <v>106995</v>
      </c>
      <c r="Z32" s="59">
        <v>0.8</v>
      </c>
      <c r="AA32" s="60">
        <v>0</v>
      </c>
      <c r="AB32" s="59" t="s">
        <v>53</v>
      </c>
      <c r="AC32" s="60">
        <v>48404</v>
      </c>
      <c r="AD32" s="59">
        <v>4.4000000000000004</v>
      </c>
      <c r="AE32" s="60">
        <v>2943</v>
      </c>
      <c r="AF32" s="59">
        <v>-8.1</v>
      </c>
      <c r="AG32" s="60">
        <v>0</v>
      </c>
      <c r="AH32" s="60">
        <v>0</v>
      </c>
      <c r="AI32" s="60">
        <v>0</v>
      </c>
      <c r="AJ32" s="60">
        <v>0</v>
      </c>
      <c r="AK32" s="60">
        <v>2787470</v>
      </c>
      <c r="AL32" s="59">
        <v>2.1</v>
      </c>
      <c r="AM32" s="29"/>
    </row>
    <row r="33" spans="1:39" s="17" customFormat="1" ht="20.149999999999999" customHeight="1" x14ac:dyDescent="0.25">
      <c r="A33" s="26"/>
      <c r="B33" s="27" t="s">
        <v>21</v>
      </c>
      <c r="C33" s="44"/>
      <c r="D33" s="30">
        <v>705211</v>
      </c>
      <c r="E33" s="31">
        <v>-7.9</v>
      </c>
      <c r="F33" s="32">
        <v>607293</v>
      </c>
      <c r="G33" s="31">
        <v>0.5</v>
      </c>
      <c r="H33" s="32">
        <v>97918</v>
      </c>
      <c r="I33" s="31">
        <v>-39.4</v>
      </c>
      <c r="J33" s="32">
        <v>776553</v>
      </c>
      <c r="K33" s="31">
        <v>-2.2000000000000002</v>
      </c>
      <c r="L33" s="32">
        <v>392996</v>
      </c>
      <c r="M33" s="31">
        <v>-2.5</v>
      </c>
      <c r="N33" s="32">
        <v>247720</v>
      </c>
      <c r="O33" s="31">
        <v>-4.0999999999999996</v>
      </c>
      <c r="P33" s="32">
        <v>135544</v>
      </c>
      <c r="Q33" s="31">
        <v>2.5</v>
      </c>
      <c r="R33" s="32">
        <v>293</v>
      </c>
      <c r="S33" s="31">
        <v>-5.5</v>
      </c>
      <c r="T33" s="26"/>
      <c r="U33" s="27" t="s">
        <v>21</v>
      </c>
      <c r="V33" s="44"/>
      <c r="W33" s="30">
        <v>0</v>
      </c>
      <c r="X33" s="32">
        <v>0</v>
      </c>
      <c r="Y33" s="32">
        <v>51420</v>
      </c>
      <c r="Z33" s="31">
        <v>-4.8</v>
      </c>
      <c r="AA33" s="32">
        <v>0</v>
      </c>
      <c r="AB33" s="31" t="s">
        <v>53</v>
      </c>
      <c r="AC33" s="32">
        <v>26093</v>
      </c>
      <c r="AD33" s="31">
        <v>2.9</v>
      </c>
      <c r="AE33" s="32">
        <v>0</v>
      </c>
      <c r="AF33" s="32">
        <v>0</v>
      </c>
      <c r="AG33" s="32">
        <v>0</v>
      </c>
      <c r="AH33" s="32">
        <v>0</v>
      </c>
      <c r="AI33" s="32">
        <v>0</v>
      </c>
      <c r="AJ33" s="32">
        <v>0</v>
      </c>
      <c r="AK33" s="32">
        <v>1559277</v>
      </c>
      <c r="AL33" s="31">
        <v>-4.9000000000000004</v>
      </c>
      <c r="AM33" s="29"/>
    </row>
    <row r="34" spans="1:39" s="17" customFormat="1" ht="20.149999999999999" customHeight="1" x14ac:dyDescent="0.25">
      <c r="A34" s="26"/>
      <c r="B34" s="27" t="s">
        <v>22</v>
      </c>
      <c r="C34" s="44"/>
      <c r="D34" s="30">
        <v>673073</v>
      </c>
      <c r="E34" s="31">
        <v>7.8</v>
      </c>
      <c r="F34" s="32">
        <v>521849</v>
      </c>
      <c r="G34" s="31">
        <v>0.8</v>
      </c>
      <c r="H34" s="32">
        <v>151224</v>
      </c>
      <c r="I34" s="31">
        <v>41.6</v>
      </c>
      <c r="J34" s="32">
        <v>985532</v>
      </c>
      <c r="K34" s="31">
        <v>-2.2999999999999998</v>
      </c>
      <c r="L34" s="32">
        <v>304751</v>
      </c>
      <c r="M34" s="31">
        <v>-2.2999999999999998</v>
      </c>
      <c r="N34" s="32">
        <v>285165</v>
      </c>
      <c r="O34" s="31">
        <v>-4</v>
      </c>
      <c r="P34" s="32">
        <v>267407</v>
      </c>
      <c r="Q34" s="31">
        <v>-2.1</v>
      </c>
      <c r="R34" s="32">
        <v>128209</v>
      </c>
      <c r="S34" s="31">
        <v>0.9</v>
      </c>
      <c r="T34" s="26"/>
      <c r="U34" s="27" t="s">
        <v>22</v>
      </c>
      <c r="V34" s="44"/>
      <c r="W34" s="30">
        <v>0</v>
      </c>
      <c r="X34" s="32">
        <v>0</v>
      </c>
      <c r="Y34" s="32">
        <v>44323</v>
      </c>
      <c r="Z34" s="31">
        <v>0.1</v>
      </c>
      <c r="AA34" s="32">
        <v>0</v>
      </c>
      <c r="AB34" s="31" t="s">
        <v>53</v>
      </c>
      <c r="AC34" s="32">
        <v>33179</v>
      </c>
      <c r="AD34" s="31">
        <v>3.5</v>
      </c>
      <c r="AE34" s="32">
        <v>3760</v>
      </c>
      <c r="AF34" s="31">
        <v>-27.7</v>
      </c>
      <c r="AG34" s="32">
        <v>0</v>
      </c>
      <c r="AH34" s="32">
        <v>0</v>
      </c>
      <c r="AI34" s="32">
        <v>5192</v>
      </c>
      <c r="AJ34" s="31">
        <v>9.6</v>
      </c>
      <c r="AK34" s="32">
        <v>1745059</v>
      </c>
      <c r="AL34" s="31">
        <v>1.5</v>
      </c>
      <c r="AM34" s="29"/>
    </row>
    <row r="35" spans="1:39" s="17" customFormat="1" ht="20.149999999999999" customHeight="1" x14ac:dyDescent="0.25">
      <c r="A35" s="26"/>
      <c r="B35" s="27" t="s">
        <v>23</v>
      </c>
      <c r="C35" s="44"/>
      <c r="D35" s="30">
        <v>1501757</v>
      </c>
      <c r="E35" s="31">
        <v>-7.7</v>
      </c>
      <c r="F35" s="32">
        <v>1069932</v>
      </c>
      <c r="G35" s="31">
        <v>3.9</v>
      </c>
      <c r="H35" s="32">
        <v>431825</v>
      </c>
      <c r="I35" s="31">
        <v>-27.6</v>
      </c>
      <c r="J35" s="32">
        <v>1429440</v>
      </c>
      <c r="K35" s="31">
        <v>-0.9</v>
      </c>
      <c r="L35" s="32">
        <v>625719</v>
      </c>
      <c r="M35" s="31">
        <v>-2.2999999999999998</v>
      </c>
      <c r="N35" s="32">
        <v>593934</v>
      </c>
      <c r="O35" s="31">
        <v>0.9</v>
      </c>
      <c r="P35" s="32">
        <v>209653</v>
      </c>
      <c r="Q35" s="31">
        <v>-1.6</v>
      </c>
      <c r="R35" s="32">
        <v>134</v>
      </c>
      <c r="S35" s="31">
        <v>3.9</v>
      </c>
      <c r="T35" s="26"/>
      <c r="U35" s="27" t="s">
        <v>23</v>
      </c>
      <c r="V35" s="44"/>
      <c r="W35" s="30">
        <v>0</v>
      </c>
      <c r="X35" s="32">
        <v>0</v>
      </c>
      <c r="Y35" s="32">
        <v>111656</v>
      </c>
      <c r="Z35" s="31">
        <v>-1.2</v>
      </c>
      <c r="AA35" s="32">
        <v>0</v>
      </c>
      <c r="AB35" s="31" t="s">
        <v>53</v>
      </c>
      <c r="AC35" s="32">
        <v>35358</v>
      </c>
      <c r="AD35" s="31">
        <v>6.6</v>
      </c>
      <c r="AE35" s="32">
        <v>0</v>
      </c>
      <c r="AF35" s="32">
        <v>0</v>
      </c>
      <c r="AG35" s="32">
        <v>0</v>
      </c>
      <c r="AH35" s="32">
        <v>0</v>
      </c>
      <c r="AI35" s="32">
        <v>0</v>
      </c>
      <c r="AJ35" s="32">
        <v>0</v>
      </c>
      <c r="AK35" s="32">
        <v>3078211</v>
      </c>
      <c r="AL35" s="31">
        <v>-4.3</v>
      </c>
      <c r="AM35" s="29"/>
    </row>
    <row r="36" spans="1:39" s="17" customFormat="1" ht="20.149999999999999" customHeight="1" x14ac:dyDescent="0.25">
      <c r="A36" s="26"/>
      <c r="B36" s="27" t="s">
        <v>24</v>
      </c>
      <c r="C36" s="44"/>
      <c r="D36" s="30">
        <v>1071257</v>
      </c>
      <c r="E36" s="31">
        <v>-1</v>
      </c>
      <c r="F36" s="32">
        <v>721936</v>
      </c>
      <c r="G36" s="31">
        <v>-2.4</v>
      </c>
      <c r="H36" s="32">
        <v>349321</v>
      </c>
      <c r="I36" s="31">
        <v>2.1</v>
      </c>
      <c r="J36" s="32">
        <v>4571026</v>
      </c>
      <c r="K36" s="31">
        <v>1.7</v>
      </c>
      <c r="L36" s="32">
        <v>1310886</v>
      </c>
      <c r="M36" s="31">
        <v>-2</v>
      </c>
      <c r="N36" s="32">
        <v>2495641</v>
      </c>
      <c r="O36" s="31">
        <v>0.8</v>
      </c>
      <c r="P36" s="32">
        <v>701867</v>
      </c>
      <c r="Q36" s="31">
        <v>13.6</v>
      </c>
      <c r="R36" s="32">
        <v>62632</v>
      </c>
      <c r="S36" s="31">
        <v>-1.9</v>
      </c>
      <c r="T36" s="26"/>
      <c r="U36" s="27" t="s">
        <v>24</v>
      </c>
      <c r="V36" s="44"/>
      <c r="W36" s="30">
        <v>0</v>
      </c>
      <c r="X36" s="32">
        <v>0</v>
      </c>
      <c r="Y36" s="32">
        <v>155208</v>
      </c>
      <c r="Z36" s="31">
        <v>-4.5999999999999996</v>
      </c>
      <c r="AA36" s="32">
        <v>0</v>
      </c>
      <c r="AB36" s="31" t="s">
        <v>53</v>
      </c>
      <c r="AC36" s="32">
        <v>26483</v>
      </c>
      <c r="AD36" s="31">
        <v>3.1</v>
      </c>
      <c r="AE36" s="32">
        <v>683722</v>
      </c>
      <c r="AF36" s="31">
        <v>-4.8</v>
      </c>
      <c r="AG36" s="32">
        <v>0</v>
      </c>
      <c r="AH36" s="32">
        <v>0</v>
      </c>
      <c r="AI36" s="32">
        <v>0</v>
      </c>
      <c r="AJ36" s="32">
        <v>0</v>
      </c>
      <c r="AK36" s="32">
        <v>6507696</v>
      </c>
      <c r="AL36" s="31">
        <v>0.4</v>
      </c>
      <c r="AM36" s="29"/>
    </row>
    <row r="37" spans="1:39" s="17" customFormat="1" ht="20.149999999999999" customHeight="1" x14ac:dyDescent="0.25">
      <c r="A37" s="55"/>
      <c r="B37" s="56" t="s">
        <v>25</v>
      </c>
      <c r="C37" s="57"/>
      <c r="D37" s="58">
        <v>371435</v>
      </c>
      <c r="E37" s="59">
        <v>0.6</v>
      </c>
      <c r="F37" s="60">
        <v>345086</v>
      </c>
      <c r="G37" s="59">
        <v>0.9</v>
      </c>
      <c r="H37" s="60">
        <v>26349</v>
      </c>
      <c r="I37" s="59">
        <v>-3.5</v>
      </c>
      <c r="J37" s="60">
        <v>490812</v>
      </c>
      <c r="K37" s="59">
        <v>-0.5</v>
      </c>
      <c r="L37" s="60">
        <v>180080</v>
      </c>
      <c r="M37" s="63" t="s">
        <v>55</v>
      </c>
      <c r="N37" s="60">
        <v>217837</v>
      </c>
      <c r="O37" s="59">
        <v>-1</v>
      </c>
      <c r="P37" s="60">
        <v>92895</v>
      </c>
      <c r="Q37" s="59">
        <v>-0.1</v>
      </c>
      <c r="R37" s="60">
        <v>0</v>
      </c>
      <c r="S37" s="60">
        <v>0</v>
      </c>
      <c r="T37" s="55"/>
      <c r="U37" s="56" t="s">
        <v>25</v>
      </c>
      <c r="V37" s="57"/>
      <c r="W37" s="58">
        <v>0</v>
      </c>
      <c r="X37" s="60">
        <v>0</v>
      </c>
      <c r="Y37" s="60">
        <v>42860</v>
      </c>
      <c r="Z37" s="59">
        <v>-4.5</v>
      </c>
      <c r="AA37" s="60">
        <v>0</v>
      </c>
      <c r="AB37" s="59" t="s">
        <v>53</v>
      </c>
      <c r="AC37" s="60">
        <v>15464</v>
      </c>
      <c r="AD37" s="59">
        <v>2.6</v>
      </c>
      <c r="AE37" s="60">
        <v>0</v>
      </c>
      <c r="AF37" s="60">
        <v>0</v>
      </c>
      <c r="AG37" s="60">
        <v>0</v>
      </c>
      <c r="AH37" s="60">
        <v>0</v>
      </c>
      <c r="AI37" s="60">
        <v>0</v>
      </c>
      <c r="AJ37" s="60">
        <v>0</v>
      </c>
      <c r="AK37" s="60">
        <v>920571</v>
      </c>
      <c r="AL37" s="59">
        <v>-0.2</v>
      </c>
      <c r="AM37" s="29"/>
    </row>
    <row r="38" spans="1:39" s="17" customFormat="1" ht="20.149999999999999" customHeight="1" x14ac:dyDescent="0.25">
      <c r="A38" s="26"/>
      <c r="B38" s="27" t="s">
        <v>26</v>
      </c>
      <c r="C38" s="44"/>
      <c r="D38" s="30">
        <v>1341102</v>
      </c>
      <c r="E38" s="31">
        <v>2.4</v>
      </c>
      <c r="F38" s="32">
        <v>1195784</v>
      </c>
      <c r="G38" s="31">
        <v>2.4</v>
      </c>
      <c r="H38" s="32">
        <v>145318</v>
      </c>
      <c r="I38" s="31">
        <v>2.1</v>
      </c>
      <c r="J38" s="32">
        <v>1795063</v>
      </c>
      <c r="K38" s="31">
        <v>4.8</v>
      </c>
      <c r="L38" s="32">
        <v>549513</v>
      </c>
      <c r="M38" s="31">
        <v>-3.4</v>
      </c>
      <c r="N38" s="32">
        <v>981535</v>
      </c>
      <c r="O38" s="31">
        <v>10.1</v>
      </c>
      <c r="P38" s="32">
        <v>263810</v>
      </c>
      <c r="Q38" s="31">
        <v>4.8</v>
      </c>
      <c r="R38" s="32">
        <v>205</v>
      </c>
      <c r="S38" s="31">
        <v>-0.5</v>
      </c>
      <c r="T38" s="26"/>
      <c r="U38" s="27" t="s">
        <v>26</v>
      </c>
      <c r="V38" s="44"/>
      <c r="W38" s="30">
        <v>311635</v>
      </c>
      <c r="X38" s="31">
        <v>3.8</v>
      </c>
      <c r="Y38" s="32">
        <v>216076</v>
      </c>
      <c r="Z38" s="31">
        <v>-1.1000000000000001</v>
      </c>
      <c r="AA38" s="32">
        <v>0</v>
      </c>
      <c r="AB38" s="31" t="s">
        <v>53</v>
      </c>
      <c r="AC38" s="32">
        <v>52017</v>
      </c>
      <c r="AD38" s="31">
        <v>3.3</v>
      </c>
      <c r="AE38" s="32">
        <v>99870</v>
      </c>
      <c r="AF38" s="31">
        <v>-2.9</v>
      </c>
      <c r="AG38" s="32">
        <v>0</v>
      </c>
      <c r="AH38" s="32">
        <v>0</v>
      </c>
      <c r="AI38" s="32">
        <v>0</v>
      </c>
      <c r="AJ38" s="32">
        <v>0</v>
      </c>
      <c r="AK38" s="32">
        <v>3815763</v>
      </c>
      <c r="AL38" s="31">
        <v>3.3</v>
      </c>
      <c r="AM38" s="29"/>
    </row>
    <row r="39" spans="1:39" s="17" customFormat="1" ht="20.149999999999999" customHeight="1" x14ac:dyDescent="0.25">
      <c r="A39" s="26"/>
      <c r="B39" s="27" t="s">
        <v>27</v>
      </c>
      <c r="C39" s="44"/>
      <c r="D39" s="30">
        <v>3011079</v>
      </c>
      <c r="E39" s="31">
        <v>9.6</v>
      </c>
      <c r="F39" s="32">
        <v>2072381</v>
      </c>
      <c r="G39" s="31">
        <v>3.3</v>
      </c>
      <c r="H39" s="32">
        <v>938698</v>
      </c>
      <c r="I39" s="31">
        <v>26.9</v>
      </c>
      <c r="J39" s="32">
        <v>4049123</v>
      </c>
      <c r="K39" s="31">
        <v>-1.6</v>
      </c>
      <c r="L39" s="32">
        <v>1398689</v>
      </c>
      <c r="M39" s="31">
        <v>-0.2</v>
      </c>
      <c r="N39" s="32">
        <v>1601979</v>
      </c>
      <c r="O39" s="31">
        <v>-3.2</v>
      </c>
      <c r="P39" s="32">
        <v>825421</v>
      </c>
      <c r="Q39" s="31">
        <v>-0.5</v>
      </c>
      <c r="R39" s="32">
        <v>223034</v>
      </c>
      <c r="S39" s="31">
        <v>-3.2</v>
      </c>
      <c r="T39" s="26"/>
      <c r="U39" s="27" t="s">
        <v>27</v>
      </c>
      <c r="V39" s="44"/>
      <c r="W39" s="30">
        <v>430703</v>
      </c>
      <c r="X39" s="31">
        <v>-1.6</v>
      </c>
      <c r="Y39" s="32">
        <v>317979</v>
      </c>
      <c r="Z39" s="31">
        <v>-0.5</v>
      </c>
      <c r="AA39" s="32">
        <v>0</v>
      </c>
      <c r="AB39" s="31" t="s">
        <v>53</v>
      </c>
      <c r="AC39" s="32">
        <v>120449</v>
      </c>
      <c r="AD39" s="31">
        <v>5.5</v>
      </c>
      <c r="AE39" s="32">
        <v>0</v>
      </c>
      <c r="AF39" s="32">
        <v>0</v>
      </c>
      <c r="AG39" s="32">
        <v>0</v>
      </c>
      <c r="AH39" s="32">
        <v>0</v>
      </c>
      <c r="AI39" s="32">
        <v>0</v>
      </c>
      <c r="AJ39" s="32">
        <v>0</v>
      </c>
      <c r="AK39" s="32">
        <v>7929333</v>
      </c>
      <c r="AL39" s="31">
        <v>2.5</v>
      </c>
      <c r="AM39" s="29"/>
    </row>
    <row r="40" spans="1:39" s="17" customFormat="1" ht="20.149999999999999" customHeight="1" x14ac:dyDescent="0.25">
      <c r="A40" s="26"/>
      <c r="B40" s="27" t="s">
        <v>28</v>
      </c>
      <c r="C40" s="44"/>
      <c r="D40" s="30">
        <v>175175</v>
      </c>
      <c r="E40" s="31">
        <v>-0.8</v>
      </c>
      <c r="F40" s="32">
        <v>160078</v>
      </c>
      <c r="G40" s="31">
        <v>0.7</v>
      </c>
      <c r="H40" s="32">
        <v>15097</v>
      </c>
      <c r="I40" s="31">
        <v>-14.8</v>
      </c>
      <c r="J40" s="32">
        <v>1190969</v>
      </c>
      <c r="K40" s="31">
        <v>-2.1</v>
      </c>
      <c r="L40" s="32">
        <v>65099</v>
      </c>
      <c r="M40" s="31">
        <v>-1.3</v>
      </c>
      <c r="N40" s="32">
        <v>75867</v>
      </c>
      <c r="O40" s="31">
        <v>-4.0999999999999996</v>
      </c>
      <c r="P40" s="32">
        <v>36797</v>
      </c>
      <c r="Q40" s="31">
        <v>-4.5999999999999996</v>
      </c>
      <c r="R40" s="32">
        <v>1013206</v>
      </c>
      <c r="S40" s="31">
        <v>-2</v>
      </c>
      <c r="T40" s="26"/>
      <c r="U40" s="27" t="s">
        <v>28</v>
      </c>
      <c r="V40" s="44"/>
      <c r="W40" s="30">
        <v>0</v>
      </c>
      <c r="X40" s="32">
        <v>0</v>
      </c>
      <c r="Y40" s="32">
        <v>3510</v>
      </c>
      <c r="Z40" s="31">
        <v>683.5</v>
      </c>
      <c r="AA40" s="32">
        <v>0</v>
      </c>
      <c r="AB40" s="31" t="s">
        <v>53</v>
      </c>
      <c r="AC40" s="32">
        <v>9016</v>
      </c>
      <c r="AD40" s="31">
        <v>6.1</v>
      </c>
      <c r="AE40" s="32">
        <v>0</v>
      </c>
      <c r="AF40" s="32">
        <v>0</v>
      </c>
      <c r="AG40" s="32">
        <v>0</v>
      </c>
      <c r="AH40" s="32">
        <v>0</v>
      </c>
      <c r="AI40" s="32">
        <v>0</v>
      </c>
      <c r="AJ40" s="32">
        <v>0</v>
      </c>
      <c r="AK40" s="32">
        <v>1378670</v>
      </c>
      <c r="AL40" s="31">
        <v>-1.7</v>
      </c>
      <c r="AM40" s="29"/>
    </row>
    <row r="41" spans="1:39" s="17" customFormat="1" ht="20.149999999999999" customHeight="1" x14ac:dyDescent="0.25">
      <c r="A41" s="61"/>
      <c r="B41" s="39" t="s">
        <v>33</v>
      </c>
      <c r="C41" s="62"/>
      <c r="D41" s="33">
        <v>957154821</v>
      </c>
      <c r="E41" s="34">
        <v>18.2</v>
      </c>
      <c r="F41" s="35">
        <v>822855553</v>
      </c>
      <c r="G41" s="34">
        <v>21.3</v>
      </c>
      <c r="H41" s="35">
        <v>134299268</v>
      </c>
      <c r="I41" s="34">
        <v>2.6</v>
      </c>
      <c r="J41" s="35">
        <v>671421046</v>
      </c>
      <c r="K41" s="34">
        <v>0.4</v>
      </c>
      <c r="L41" s="35">
        <v>283598883</v>
      </c>
      <c r="M41" s="34">
        <v>1.2</v>
      </c>
      <c r="N41" s="35">
        <v>280387049</v>
      </c>
      <c r="O41" s="34">
        <v>-0.5</v>
      </c>
      <c r="P41" s="35">
        <v>102636586</v>
      </c>
      <c r="Q41" s="34">
        <v>0.4</v>
      </c>
      <c r="R41" s="35">
        <v>4798528</v>
      </c>
      <c r="S41" s="34">
        <v>1</v>
      </c>
      <c r="T41" s="61"/>
      <c r="U41" s="39" t="s">
        <v>33</v>
      </c>
      <c r="V41" s="62"/>
      <c r="W41" s="33">
        <v>128474283</v>
      </c>
      <c r="X41" s="34">
        <v>0.7</v>
      </c>
      <c r="Y41" s="35">
        <v>53575112</v>
      </c>
      <c r="Z41" s="34">
        <v>-1.3</v>
      </c>
      <c r="AA41" s="35">
        <v>34143613</v>
      </c>
      <c r="AB41" s="34">
        <v>0</v>
      </c>
      <c r="AC41" s="35">
        <v>9351444</v>
      </c>
      <c r="AD41" s="34">
        <v>4</v>
      </c>
      <c r="AE41" s="35">
        <v>970179</v>
      </c>
      <c r="AF41" s="34">
        <v>-3.9</v>
      </c>
      <c r="AG41" s="35">
        <v>2467</v>
      </c>
      <c r="AH41" s="34">
        <v>-73.8</v>
      </c>
      <c r="AI41" s="35">
        <v>5192</v>
      </c>
      <c r="AJ41" s="34">
        <v>9.6</v>
      </c>
      <c r="AK41" s="35">
        <v>1855098157</v>
      </c>
      <c r="AL41" s="34">
        <v>8.8000000000000007</v>
      </c>
      <c r="AM41" s="29"/>
    </row>
    <row r="42" spans="1:39" ht="16.5" x14ac:dyDescent="0.25">
      <c r="A42" s="65" t="s">
        <v>56</v>
      </c>
      <c r="C42" s="5"/>
      <c r="D42" s="5"/>
      <c r="E42" s="5"/>
      <c r="F42" s="5"/>
      <c r="G42" s="5"/>
      <c r="H42" s="5"/>
      <c r="I42" s="5"/>
      <c r="J42" s="5"/>
      <c r="K42" s="5"/>
      <c r="L42" s="5"/>
      <c r="M42" s="5"/>
      <c r="N42" s="5"/>
      <c r="O42" s="5"/>
      <c r="P42" s="5"/>
      <c r="Q42" s="5"/>
      <c r="R42" s="5"/>
      <c r="S42" s="5"/>
      <c r="T42" s="5"/>
      <c r="V42" s="5"/>
      <c r="W42" s="6"/>
      <c r="X42" s="5"/>
      <c r="Y42" s="5"/>
      <c r="Z42" s="5"/>
      <c r="AA42" s="5"/>
      <c r="AB42" s="5"/>
      <c r="AC42" s="5"/>
      <c r="AD42" s="5"/>
      <c r="AE42" s="5"/>
      <c r="AF42" s="5"/>
      <c r="AG42" s="5"/>
      <c r="AH42" s="5"/>
      <c r="AI42" s="5"/>
      <c r="AJ42" s="5"/>
      <c r="AK42" s="5"/>
      <c r="AL42" s="5"/>
      <c r="AM42" s="2"/>
    </row>
    <row r="43" spans="1:39" ht="17.149999999999999" customHeight="1" x14ac:dyDescent="0.2">
      <c r="AM43" s="7"/>
    </row>
    <row r="44" spans="1:39" ht="17.149999999999999" customHeight="1" x14ac:dyDescent="0.2">
      <c r="AM44" s="8"/>
    </row>
    <row r="45" spans="1:39" ht="17.149999999999999" customHeight="1" x14ac:dyDescent="0.2">
      <c r="AM45" s="9"/>
    </row>
    <row r="46" spans="1:39" ht="17.149999999999999" customHeight="1" x14ac:dyDescent="0.2">
      <c r="AM46" s="9"/>
    </row>
    <row r="47" spans="1:39" ht="17.149999999999999" customHeight="1" x14ac:dyDescent="0.2">
      <c r="AM47" s="9"/>
    </row>
    <row r="48" spans="1:39" ht="17.149999999999999" customHeight="1" x14ac:dyDescent="0.2">
      <c r="AM48" s="9"/>
    </row>
    <row r="49" spans="39:39" ht="17.149999999999999" customHeight="1" x14ac:dyDescent="0.2">
      <c r="AM49" s="9"/>
    </row>
    <row r="50" spans="39:39" ht="17.149999999999999" customHeight="1" x14ac:dyDescent="0.2">
      <c r="AM50" s="9"/>
    </row>
    <row r="51" spans="39:39" ht="17.149999999999999" customHeight="1" x14ac:dyDescent="0.2">
      <c r="AM51" s="9"/>
    </row>
    <row r="52" spans="39:39" ht="17.149999999999999" customHeight="1" x14ac:dyDescent="0.2">
      <c r="AM52" s="9"/>
    </row>
    <row r="53" spans="39:39" ht="17.149999999999999" customHeight="1" x14ac:dyDescent="0.2">
      <c r="AM53" s="9"/>
    </row>
    <row r="54" spans="39:39" ht="17.149999999999999" customHeight="1" x14ac:dyDescent="0.2">
      <c r="AM54" s="9"/>
    </row>
    <row r="55" spans="39:39" ht="17.149999999999999" customHeight="1" x14ac:dyDescent="0.2">
      <c r="AM55" s="9"/>
    </row>
    <row r="56" spans="39:39" ht="17.149999999999999" customHeight="1" x14ac:dyDescent="0.2">
      <c r="AM56" s="9"/>
    </row>
    <row r="57" spans="39:39" ht="17.149999999999999" customHeight="1" x14ac:dyDescent="0.2">
      <c r="AM57" s="9"/>
    </row>
    <row r="58" spans="39:39" ht="17.149999999999999" customHeight="1" x14ac:dyDescent="0.2">
      <c r="AM58" s="9"/>
    </row>
    <row r="59" spans="39:39" ht="17.149999999999999" customHeight="1" x14ac:dyDescent="0.2">
      <c r="AM59" s="9"/>
    </row>
    <row r="60" spans="39:39" ht="17.149999999999999" customHeight="1" x14ac:dyDescent="0.2">
      <c r="AM60" s="9"/>
    </row>
    <row r="61" spans="39:39" ht="17.149999999999999" customHeight="1" x14ac:dyDescent="0.2">
      <c r="AM61" s="9"/>
    </row>
    <row r="62" spans="39:39" ht="17.149999999999999" customHeight="1" x14ac:dyDescent="0.2">
      <c r="AM62" s="9"/>
    </row>
    <row r="63" spans="39:39" ht="17.149999999999999" customHeight="1" x14ac:dyDescent="0.2">
      <c r="AM63" s="9"/>
    </row>
    <row r="64" spans="39:39" ht="17.149999999999999" customHeight="1" x14ac:dyDescent="0.2">
      <c r="AM64" s="9"/>
    </row>
    <row r="65" spans="39:39" ht="17.149999999999999" customHeight="1" x14ac:dyDescent="0.2">
      <c r="AM65" s="9"/>
    </row>
    <row r="66" spans="39:39" ht="17.149999999999999" customHeight="1" x14ac:dyDescent="0.2">
      <c r="AM66" s="9"/>
    </row>
    <row r="67" spans="39:39" ht="17.149999999999999" customHeight="1" x14ac:dyDescent="0.2">
      <c r="AM67" s="9"/>
    </row>
    <row r="68" spans="39:39" ht="17.149999999999999" customHeight="1" x14ac:dyDescent="0.2">
      <c r="AM68" s="9"/>
    </row>
    <row r="69" spans="39:39" ht="17.149999999999999" customHeight="1" x14ac:dyDescent="0.2">
      <c r="AM69" s="9"/>
    </row>
    <row r="70" spans="39:39" ht="17.149999999999999" customHeight="1" x14ac:dyDescent="0.2">
      <c r="AM70" s="9"/>
    </row>
    <row r="71" spans="39:39" ht="17.149999999999999" customHeight="1" x14ac:dyDescent="0.2">
      <c r="AM71" s="9"/>
    </row>
    <row r="72" spans="39:39" ht="17.149999999999999" customHeight="1" x14ac:dyDescent="0.2">
      <c r="AM72" s="9"/>
    </row>
    <row r="73" spans="39:39" ht="17.149999999999999" customHeight="1" x14ac:dyDescent="0.2">
      <c r="AM73" s="9"/>
    </row>
    <row r="74" spans="39:39" ht="17.149999999999999" customHeight="1" x14ac:dyDescent="0.2">
      <c r="AM74" s="9"/>
    </row>
    <row r="75" spans="39:39" ht="17.149999999999999" customHeight="1" x14ac:dyDescent="0.2">
      <c r="AM75" s="9"/>
    </row>
    <row r="76" spans="39:39" ht="17.149999999999999" customHeight="1" x14ac:dyDescent="0.2">
      <c r="AM76" s="9"/>
    </row>
    <row r="77" spans="39:39" ht="17.149999999999999" customHeight="1" x14ac:dyDescent="0.2">
      <c r="AM77" s="9"/>
    </row>
    <row r="78" spans="39:39" ht="17.149999999999999" customHeight="1" x14ac:dyDescent="0.2">
      <c r="AM78" s="9"/>
    </row>
    <row r="79" spans="39:39" ht="17.149999999999999" customHeight="1" x14ac:dyDescent="0.2">
      <c r="AM79" s="9"/>
    </row>
    <row r="80" spans="39:39" ht="17.149999999999999" customHeight="1" x14ac:dyDescent="0.2">
      <c r="AM80" s="9"/>
    </row>
    <row r="81" spans="39:39" ht="17.149999999999999" customHeight="1" x14ac:dyDescent="0.2">
      <c r="AM81" s="9"/>
    </row>
    <row r="82" spans="39:39" ht="17.149999999999999" customHeight="1" x14ac:dyDescent="0.2">
      <c r="AM82" s="9"/>
    </row>
    <row r="83" spans="39:39" ht="17.149999999999999" customHeight="1" x14ac:dyDescent="0.2">
      <c r="AM83" s="9"/>
    </row>
    <row r="84" spans="39:39" ht="17.149999999999999" customHeight="1" x14ac:dyDescent="0.2">
      <c r="AM84" s="9"/>
    </row>
    <row r="85" spans="39:39" ht="17.149999999999999" customHeight="1" x14ac:dyDescent="0.2">
      <c r="AM85" s="9"/>
    </row>
    <row r="86" spans="39:39" ht="17.149999999999999" customHeight="1" x14ac:dyDescent="0.2">
      <c r="AM86" s="9"/>
    </row>
    <row r="87" spans="39:39" ht="17.149999999999999" customHeight="1" x14ac:dyDescent="0.2">
      <c r="AM87" s="9"/>
    </row>
    <row r="88" spans="39:39" ht="17.149999999999999" customHeight="1" x14ac:dyDescent="0.2">
      <c r="AM88" s="9"/>
    </row>
    <row r="89" spans="39:39" ht="17.149999999999999" customHeight="1" x14ac:dyDescent="0.2">
      <c r="AM89" s="9"/>
    </row>
  </sheetData>
  <mergeCells count="16">
    <mergeCell ref="D5:E6"/>
    <mergeCell ref="AK5:AL6"/>
    <mergeCell ref="F6:G6"/>
    <mergeCell ref="H6:I6"/>
    <mergeCell ref="L6:M6"/>
    <mergeCell ref="N6:O6"/>
    <mergeCell ref="P6:Q6"/>
    <mergeCell ref="R6:S6"/>
    <mergeCell ref="J5:K6"/>
    <mergeCell ref="W5:X6"/>
    <mergeCell ref="Y5:Z6"/>
    <mergeCell ref="AA5:AB6"/>
    <mergeCell ref="AC5:AD6"/>
    <mergeCell ref="AE5:AF6"/>
    <mergeCell ref="AG5:AH6"/>
    <mergeCell ref="AI5:AJ6"/>
  </mergeCells>
  <phoneticPr fontId="2"/>
  <pageMargins left="0.86614173228346458" right="0.86614173228346458" top="1.0629921259842521" bottom="0.19685039370078741" header="0.51181102362204722" footer="0.23622047244094491"/>
  <pageSetup paperSize="9" scale="57" fitToWidth="2" orientation="landscape" blackAndWhite="1" r:id="rId1"/>
  <headerFooter alignWithMargins="0"/>
  <colBreaks count="1" manualBreakCount="1">
    <brk id="19" max="46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H30年度決算額 </vt:lpstr>
      <vt:lpstr>'H30年度決算額 '!Print_Area</vt:lpstr>
    </vt:vector>
  </TitlesOfParts>
  <Company>神奈川県庁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市町村課</dc:creator>
  <cp:lastModifiedBy>user</cp:lastModifiedBy>
  <cp:lastPrinted>2019-12-16T06:47:08Z</cp:lastPrinted>
  <dcterms:created xsi:type="dcterms:W3CDTF">1997-07-16T05:01:04Z</dcterms:created>
  <dcterms:modified xsi:type="dcterms:W3CDTF">2020-02-07T07:58:26Z</dcterms:modified>
</cp:coreProperties>
</file>